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alcChain.xml" ContentType="application/vnd.openxmlformats-officedocument.spreadsheetml.calcChain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231"/>
  <workbookPr/>
  <mc:AlternateContent xmlns:mc="http://schemas.openxmlformats.org/markup-compatibility/2006">
    <mc:Choice Requires="x15">
      <x15ac:absPath xmlns:x15ac="http://schemas.microsoft.com/office/spreadsheetml/2010/11/ac" url="C:\Users\Daniel.Mathew\Downloads\"/>
    </mc:Choice>
  </mc:AlternateContent>
  <xr:revisionPtr revIDLastSave="0" documentId="13_ncr:1_{7F00DEF3-49D5-4F54-8A71-6579A833917D}" xr6:coauthVersionLast="47" xr6:coauthVersionMax="47" xr10:uidLastSave="{00000000-0000-0000-0000-000000000000}"/>
  <bookViews>
    <workbookView xWindow="28680" yWindow="-120" windowWidth="29040" windowHeight="17520" xr2:uid="{00000000-000D-0000-FFFF-FFFF00000000}"/>
  </bookViews>
  <sheets>
    <sheet name="MAIN" sheetId="1" r:id="rId1"/>
    <sheet name="SOLO" sheetId="2" r:id="rId2"/>
    <sheet name="INSTRUMENTAL MUSIC" sheetId="3" r:id="rId3"/>
    <sheet name="BIBLE QUIZ" sheetId="4" r:id="rId4"/>
    <sheet name="ESSAY" sheetId="5" r:id="rId5"/>
    <sheet name="POETRY" sheetId="6" r:id="rId6"/>
    <sheet name="SUMMARY" sheetId="7" state="hidden" r:id="rId7"/>
  </sheets>
  <definedNames>
    <definedName name="Date">#REF!</definedName>
    <definedName name="Job_Number_Initials">#REF!</definedName>
    <definedName name="Job_Title">#REF!</definedName>
  </definedNames>
  <calcPr calcId="191029"/>
  <extLs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  <ext uri="GoogleSheetsCustomDataVersion2">
      <go:sheetsCustomData xmlns:go="http://customooxmlschemas.google.com/" r:id="rId11" roundtripDataChecksum="4hPbGsIOTuijPZ5z6BdWldQv75EbgPm6kt+Pebj7m1A="/>
    </ext>
  </extLst>
</workbook>
</file>

<file path=xl/calcChain.xml><?xml version="1.0" encoding="utf-8"?>
<calcChain xmlns="http://schemas.openxmlformats.org/spreadsheetml/2006/main">
  <c r="E87" i="7" l="1"/>
  <c r="D87" i="7"/>
  <c r="C87" i="7"/>
  <c r="B87" i="7"/>
  <c r="A87" i="7"/>
  <c r="E86" i="7"/>
  <c r="D86" i="7"/>
  <c r="C86" i="7"/>
  <c r="B86" i="7"/>
  <c r="A86" i="7"/>
  <c r="E85" i="7"/>
  <c r="D85" i="7"/>
  <c r="C85" i="7"/>
  <c r="B85" i="7"/>
  <c r="A85" i="7"/>
  <c r="E84" i="7"/>
  <c r="D84" i="7"/>
  <c r="C84" i="7"/>
  <c r="B84" i="7"/>
  <c r="A84" i="7"/>
  <c r="E83" i="7"/>
  <c r="D83" i="7"/>
  <c r="C83" i="7"/>
  <c r="B83" i="7"/>
  <c r="A83" i="7"/>
  <c r="E82" i="7"/>
  <c r="D82" i="7"/>
  <c r="C82" i="7"/>
  <c r="B82" i="7"/>
  <c r="A82" i="7"/>
  <c r="E81" i="7"/>
  <c r="D81" i="7"/>
  <c r="C81" i="7"/>
  <c r="B81" i="7"/>
  <c r="A81" i="7"/>
  <c r="E80" i="7"/>
  <c r="D80" i="7"/>
  <c r="C80" i="7"/>
  <c r="B80" i="7"/>
  <c r="A80" i="7"/>
  <c r="E79" i="7"/>
  <c r="D79" i="7"/>
  <c r="C79" i="7"/>
  <c r="B79" i="7"/>
  <c r="A79" i="7"/>
  <c r="E78" i="7"/>
  <c r="D78" i="7"/>
  <c r="C78" i="7"/>
  <c r="B78" i="7"/>
  <c r="A78" i="7"/>
  <c r="E77" i="7"/>
  <c r="D77" i="7"/>
  <c r="C77" i="7"/>
  <c r="B77" i="7"/>
  <c r="A77" i="7"/>
  <c r="E76" i="7"/>
  <c r="D76" i="7"/>
  <c r="C76" i="7"/>
  <c r="B76" i="7"/>
  <c r="A76" i="7"/>
  <c r="E75" i="7"/>
  <c r="D75" i="7"/>
  <c r="C75" i="7"/>
  <c r="B75" i="7"/>
  <c r="A75" i="7"/>
  <c r="E74" i="7"/>
  <c r="D74" i="7"/>
  <c r="C74" i="7"/>
  <c r="B74" i="7"/>
  <c r="A74" i="7"/>
  <c r="E73" i="7"/>
  <c r="D73" i="7"/>
  <c r="C73" i="7"/>
  <c r="B73" i="7"/>
  <c r="A73" i="7"/>
  <c r="E72" i="7"/>
  <c r="D72" i="7"/>
  <c r="C72" i="7"/>
  <c r="B72" i="7"/>
  <c r="A72" i="7"/>
  <c r="E69" i="7"/>
  <c r="D69" i="7"/>
  <c r="C69" i="7"/>
  <c r="B69" i="7"/>
  <c r="A69" i="7"/>
  <c r="E68" i="7"/>
  <c r="D68" i="7"/>
  <c r="C68" i="7"/>
  <c r="B68" i="7"/>
  <c r="A68" i="7"/>
  <c r="E67" i="7"/>
  <c r="D67" i="7"/>
  <c r="C67" i="7"/>
  <c r="B67" i="7"/>
  <c r="A67" i="7"/>
  <c r="E66" i="7"/>
  <c r="D66" i="7"/>
  <c r="C66" i="7"/>
  <c r="B66" i="7"/>
  <c r="A66" i="7"/>
  <c r="E65" i="7"/>
  <c r="D65" i="7"/>
  <c r="C65" i="7"/>
  <c r="B65" i="7"/>
  <c r="A65" i="7"/>
  <c r="E64" i="7"/>
  <c r="D64" i="7"/>
  <c r="C64" i="7"/>
  <c r="B64" i="7"/>
  <c r="A64" i="7"/>
  <c r="F61" i="7"/>
  <c r="E61" i="7"/>
  <c r="D61" i="7"/>
  <c r="C61" i="7"/>
  <c r="B61" i="7"/>
  <c r="A61" i="7"/>
  <c r="F60" i="7"/>
  <c r="E60" i="7"/>
  <c r="D60" i="7"/>
  <c r="C60" i="7"/>
  <c r="B60" i="7"/>
  <c r="A60" i="7"/>
  <c r="F59" i="7"/>
  <c r="E59" i="7"/>
  <c r="D59" i="7"/>
  <c r="C59" i="7"/>
  <c r="B59" i="7"/>
  <c r="A59" i="7"/>
  <c r="F58" i="7"/>
  <c r="E58" i="7"/>
  <c r="D58" i="7"/>
  <c r="C58" i="7"/>
  <c r="B58" i="7"/>
  <c r="A58" i="7"/>
  <c r="F57" i="7"/>
  <c r="E57" i="7"/>
  <c r="D57" i="7"/>
  <c r="C57" i="7"/>
  <c r="B57" i="7"/>
  <c r="A57" i="7"/>
  <c r="F56" i="7"/>
  <c r="E56" i="7"/>
  <c r="D56" i="7"/>
  <c r="C56" i="7"/>
  <c r="B56" i="7"/>
  <c r="A56" i="7"/>
  <c r="F55" i="7"/>
  <c r="E55" i="7"/>
  <c r="D55" i="7"/>
  <c r="C55" i="7"/>
  <c r="B55" i="7"/>
  <c r="A55" i="7"/>
  <c r="F54" i="7"/>
  <c r="E54" i="7"/>
  <c r="D54" i="7"/>
  <c r="C54" i="7"/>
  <c r="B54" i="7"/>
  <c r="A54" i="7"/>
  <c r="F53" i="7"/>
  <c r="E53" i="7"/>
  <c r="D53" i="7"/>
  <c r="C53" i="7"/>
  <c r="B53" i="7"/>
  <c r="A53" i="7"/>
  <c r="F52" i="7"/>
  <c r="E52" i="7"/>
  <c r="D52" i="7"/>
  <c r="C52" i="7"/>
  <c r="B52" i="7"/>
  <c r="A52" i="7"/>
  <c r="F51" i="7"/>
  <c r="E51" i="7"/>
  <c r="D51" i="7"/>
  <c r="C51" i="7"/>
  <c r="B51" i="7"/>
  <c r="A51" i="7"/>
  <c r="F50" i="7"/>
  <c r="E50" i="7"/>
  <c r="D50" i="7"/>
  <c r="C50" i="7"/>
  <c r="B50" i="7"/>
  <c r="A50" i="7"/>
  <c r="F49" i="7"/>
  <c r="E49" i="7"/>
  <c r="D49" i="7"/>
  <c r="C49" i="7"/>
  <c r="B49" i="7"/>
  <c r="A49" i="7"/>
  <c r="F48" i="7"/>
  <c r="E48" i="7"/>
  <c r="D48" i="7"/>
  <c r="C48" i="7"/>
  <c r="B48" i="7"/>
  <c r="A48" i="7"/>
  <c r="F47" i="7"/>
  <c r="E47" i="7"/>
  <c r="D47" i="7"/>
  <c r="C47" i="7"/>
  <c r="B47" i="7"/>
  <c r="A47" i="7"/>
  <c r="F46" i="7"/>
  <c r="E46" i="7"/>
  <c r="D46" i="7"/>
  <c r="C46" i="7"/>
  <c r="B46" i="7"/>
  <c r="A46" i="7"/>
  <c r="E43" i="7"/>
  <c r="D43" i="7"/>
  <c r="C43" i="7"/>
  <c r="B43" i="7"/>
  <c r="E42" i="7"/>
  <c r="D42" i="7"/>
  <c r="C42" i="7"/>
  <c r="B42" i="7"/>
  <c r="E41" i="7"/>
  <c r="D41" i="7"/>
  <c r="C41" i="7"/>
  <c r="B41" i="7"/>
  <c r="A40" i="7"/>
  <c r="E39" i="7"/>
  <c r="D39" i="7"/>
  <c r="C39" i="7"/>
  <c r="B39" i="7"/>
  <c r="E38" i="7"/>
  <c r="D38" i="7"/>
  <c r="C38" i="7"/>
  <c r="B38" i="7"/>
  <c r="E37" i="7"/>
  <c r="D37" i="7"/>
  <c r="C37" i="7"/>
  <c r="B37" i="7"/>
  <c r="A36" i="7"/>
  <c r="E35" i="7"/>
  <c r="D35" i="7"/>
  <c r="C35" i="7"/>
  <c r="B35" i="7"/>
  <c r="E34" i="7"/>
  <c r="D34" i="7"/>
  <c r="C34" i="7"/>
  <c r="B34" i="7"/>
  <c r="E33" i="7"/>
  <c r="D33" i="7"/>
  <c r="C33" i="7"/>
  <c r="B33" i="7"/>
  <c r="A32" i="7"/>
  <c r="E31" i="7"/>
  <c r="D31" i="7"/>
  <c r="C31" i="7"/>
  <c r="B31" i="7"/>
  <c r="E30" i="7"/>
  <c r="D30" i="7"/>
  <c r="C30" i="7"/>
  <c r="B30" i="7"/>
  <c r="E29" i="7"/>
  <c r="D29" i="7"/>
  <c r="C29" i="7"/>
  <c r="B29" i="7"/>
  <c r="A28" i="7"/>
  <c r="F25" i="7"/>
  <c r="E25" i="7"/>
  <c r="D25" i="7"/>
  <c r="C25" i="7"/>
  <c r="B25" i="7"/>
  <c r="A25" i="7"/>
  <c r="F24" i="7"/>
  <c r="E24" i="7"/>
  <c r="D24" i="7"/>
  <c r="C24" i="7"/>
  <c r="B24" i="7"/>
  <c r="A24" i="7"/>
  <c r="F23" i="7"/>
  <c r="E23" i="7"/>
  <c r="D23" i="7"/>
  <c r="C23" i="7"/>
  <c r="B23" i="7"/>
  <c r="A23" i="7"/>
  <c r="F22" i="7"/>
  <c r="E22" i="7"/>
  <c r="D22" i="7"/>
  <c r="C22" i="7"/>
  <c r="B22" i="7"/>
  <c r="A22" i="7"/>
  <c r="F21" i="7"/>
  <c r="E21" i="7"/>
  <c r="D21" i="7"/>
  <c r="C21" i="7"/>
  <c r="B21" i="7"/>
  <c r="A21" i="7"/>
  <c r="F20" i="7"/>
  <c r="E20" i="7"/>
  <c r="D20" i="7"/>
  <c r="C20" i="7"/>
  <c r="B20" i="7"/>
  <c r="A20" i="7"/>
  <c r="F19" i="7"/>
  <c r="E19" i="7"/>
  <c r="D19" i="7"/>
  <c r="C19" i="7"/>
  <c r="B19" i="7"/>
  <c r="A19" i="7"/>
  <c r="F18" i="7"/>
  <c r="E18" i="7"/>
  <c r="D18" i="7"/>
  <c r="C18" i="7"/>
  <c r="B18" i="7"/>
  <c r="A18" i="7"/>
  <c r="F17" i="7"/>
  <c r="E17" i="7"/>
  <c r="D17" i="7"/>
  <c r="C17" i="7"/>
  <c r="B17" i="7"/>
  <c r="A17" i="7"/>
  <c r="F16" i="7"/>
  <c r="E16" i="7"/>
  <c r="D16" i="7"/>
  <c r="C16" i="7"/>
  <c r="B16" i="7"/>
  <c r="A16" i="7"/>
  <c r="F15" i="7"/>
  <c r="E15" i="7"/>
  <c r="D15" i="7"/>
  <c r="C15" i="7"/>
  <c r="B15" i="7"/>
  <c r="A15" i="7"/>
  <c r="F14" i="7"/>
  <c r="E14" i="7"/>
  <c r="D14" i="7"/>
  <c r="C14" i="7"/>
  <c r="B14" i="7"/>
  <c r="A14" i="7"/>
  <c r="F13" i="7"/>
  <c r="E13" i="7"/>
  <c r="D13" i="7"/>
  <c r="C13" i="7"/>
  <c r="B13" i="7"/>
  <c r="A13" i="7"/>
  <c r="F12" i="7"/>
  <c r="E12" i="7"/>
  <c r="D12" i="7"/>
  <c r="C12" i="7"/>
  <c r="B12" i="7"/>
  <c r="A12" i="7"/>
  <c r="F11" i="7"/>
  <c r="E11" i="7"/>
  <c r="D11" i="7"/>
  <c r="C11" i="7"/>
  <c r="B11" i="7"/>
  <c r="A11" i="7"/>
  <c r="F10" i="7"/>
  <c r="E10" i="7"/>
  <c r="D10" i="7"/>
  <c r="C10" i="7"/>
  <c r="B10" i="7"/>
  <c r="A10" i="7"/>
  <c r="C7" i="7"/>
  <c r="A7" i="7"/>
  <c r="C6" i="7"/>
  <c r="A6" i="7"/>
</calcChain>
</file>

<file path=xl/sharedStrings.xml><?xml version="1.0" encoding="utf-8"?>
<sst xmlns="http://schemas.openxmlformats.org/spreadsheetml/2006/main" count="312" uniqueCount="84">
  <si>
    <r>
      <rPr>
        <b/>
        <sz val="16"/>
        <color theme="1"/>
        <rFont val="Arial"/>
      </rPr>
      <t>PENTECOSTAL YOUTH FELLOWSHIP OF AMERICA</t>
    </r>
    <r>
      <rPr>
        <b/>
        <sz val="12"/>
        <color theme="1"/>
        <rFont val="Arial"/>
      </rPr>
      <t xml:space="preserve">
TALENT COMPETITION ONE REGISTRATION FORM
</t>
    </r>
    <r>
      <rPr>
        <i/>
        <sz val="11"/>
        <color theme="1"/>
        <rFont val="Arial"/>
      </rPr>
      <t>9AM - SATURDAY JUNE 15, 2024</t>
    </r>
  </si>
  <si>
    <r>
      <rPr>
        <b/>
        <sz val="14"/>
        <color rgb="FFFF0000"/>
        <rFont val="Arial Black"/>
      </rPr>
      <t>*** REGISTRATION DEADLINE: MONDAY, JUNE 3, 2024 ***</t>
    </r>
    <r>
      <rPr>
        <i/>
        <sz val="14"/>
        <color rgb="FFFF0000"/>
        <rFont val="Arial Black"/>
      </rPr>
      <t xml:space="preserve">
</t>
    </r>
    <r>
      <rPr>
        <b/>
        <sz val="14"/>
        <color rgb="FF000000"/>
        <rFont val="Arial Black"/>
      </rPr>
      <t>*** MEMBERSHIP DUES MUST BE PAID PRIOR TO TC1 ***</t>
    </r>
    <r>
      <rPr>
        <b/>
        <sz val="14"/>
        <color rgb="FFFF0000"/>
        <rFont val="Arial Black"/>
      </rPr>
      <t xml:space="preserve">
*** EMAIL THIS FORM TO INFO@PYFA.ORG ***</t>
    </r>
  </si>
  <si>
    <t>CHURCH REGISTRATION  INFO</t>
  </si>
  <si>
    <t>JUDGES INFO</t>
  </si>
  <si>
    <t>CHURCH NAME:</t>
  </si>
  <si>
    <t>• Churches are required to submit information for a minimum of two judges.
• Forms without names for judges will be considered incomplete.
• Judges will be chosen at random based on their experience to judge a category, note any expertise or preference.
• List categories in which a judge has a conflict due to their child partipating in a particular event.
• Please specify judges availablity for morning or afternoon sessions.</t>
  </si>
  <si>
    <t>CHURCH ACRONYM:</t>
  </si>
  <si>
    <t>*PASTOR'S NAME:</t>
  </si>
  <si>
    <t>PASTOR'S EMAIL:</t>
  </si>
  <si>
    <t>PASTOR'S PHONE:</t>
  </si>
  <si>
    <t>*YOUTH DIRECTOR'S NAME:</t>
  </si>
  <si>
    <t>JUDGE ONE</t>
  </si>
  <si>
    <t>YOUTH DIRECTOR'S EMAIL:</t>
  </si>
  <si>
    <t>NAME:</t>
  </si>
  <si>
    <t>YOUTH DIRECTOR'S PHONE:</t>
  </si>
  <si>
    <t>EMAIL:</t>
  </si>
  <si>
    <t>MEMBERSHIP DUES PAID?</t>
  </si>
  <si>
    <t>CELL PHONE:</t>
  </si>
  <si>
    <t>*The Pastor's &amp; Youth Director's printed name above will serve as their electronic signatures agreeing to the TC Guidelines.</t>
  </si>
  <si>
    <t>EXPERTISE/PREFERENCE:</t>
  </si>
  <si>
    <t>AGE GROUPS</t>
  </si>
  <si>
    <t>AVAILABILTY:</t>
  </si>
  <si>
    <t>Kindergarten</t>
  </si>
  <si>
    <t>January 1, 2019 and Younger</t>
  </si>
  <si>
    <t>CONFLICTS:</t>
  </si>
  <si>
    <t>Primary</t>
  </si>
  <si>
    <t>January 1, 2016 - December 31, 2018</t>
  </si>
  <si>
    <t>JUDGE TWO</t>
  </si>
  <si>
    <t>Middlers</t>
  </si>
  <si>
    <t>January 1, 2014 - December 31, 2015</t>
  </si>
  <si>
    <t>Juniors</t>
  </si>
  <si>
    <t>January 1, 2011 - December 31, 2013</t>
  </si>
  <si>
    <t>Teens</t>
  </si>
  <si>
    <t>January 1, 2008 - December 31, 2010</t>
  </si>
  <si>
    <t>High Teens</t>
  </si>
  <si>
    <t>January 1, 2004 - December 31, 2007</t>
  </si>
  <si>
    <t>Seniors</t>
  </si>
  <si>
    <t>January 1, 1999 - December 31, 2003</t>
  </si>
  <si>
    <t>Adults</t>
  </si>
  <si>
    <t>December 31, 1998 and Older</t>
  </si>
  <si>
    <t>JUDGE THREE</t>
  </si>
  <si>
    <t>TALENT COMPETITION ONE EVENTS</t>
  </si>
  <si>
    <t>Solo</t>
  </si>
  <si>
    <t>All Age Groups</t>
  </si>
  <si>
    <t>Instrumental Music</t>
  </si>
  <si>
    <t>Bible Quiz</t>
  </si>
  <si>
    <t>Essay</t>
  </si>
  <si>
    <t>Teens &amp; Under, High Teens, Seniors</t>
  </si>
  <si>
    <t>Poetry</t>
  </si>
  <si>
    <t>All Age Groups - Online Submission at pyfa.org</t>
  </si>
  <si>
    <r>
      <rPr>
        <b/>
        <sz val="16"/>
        <color theme="1"/>
        <rFont val="Arial"/>
      </rPr>
      <t>PENTECOSTAL YOUTH FELLOWSHIP OF AMERICA</t>
    </r>
    <r>
      <rPr>
        <b/>
        <sz val="12"/>
        <color theme="1"/>
        <rFont val="Arial"/>
      </rPr>
      <t xml:space="preserve">
TALENT COMPETITION 1 REGISTRATION FORM
SOLO</t>
    </r>
  </si>
  <si>
    <t>KINDERGARTEN</t>
  </si>
  <si>
    <t>AGE CATEGORY</t>
  </si>
  <si>
    <t>FIRST NAME</t>
  </si>
  <si>
    <t>LAST NAME</t>
  </si>
  <si>
    <t>DATE OF BIRTH</t>
  </si>
  <si>
    <t>GENDER</t>
  </si>
  <si>
    <t>PRIMARY</t>
  </si>
  <si>
    <t>MIDDLERS</t>
  </si>
  <si>
    <t>JUNIORS</t>
  </si>
  <si>
    <t>TEENS</t>
  </si>
  <si>
    <t>HIGH TEENS</t>
  </si>
  <si>
    <t>SENIORS</t>
  </si>
  <si>
    <t>ADULTS</t>
  </si>
  <si>
    <r>
      <rPr>
        <b/>
        <sz val="16"/>
        <color theme="1"/>
        <rFont val="Arial"/>
      </rPr>
      <t>PENTECOSTAL YOUTH FELLOWSHIP OF AMERICA</t>
    </r>
    <r>
      <rPr>
        <b/>
        <sz val="12"/>
        <color theme="1"/>
        <rFont val="Arial"/>
      </rPr>
      <t xml:space="preserve">
TALENT COMPETITION 1 REGISTRATION FORM
INSTRUMENTAL MUSIC</t>
    </r>
  </si>
  <si>
    <t>KEYBOARD</t>
  </si>
  <si>
    <t>MIDDLERS AND UNDER</t>
  </si>
  <si>
    <t>JUNIORS AND TEENS</t>
  </si>
  <si>
    <t>HI-TEENS AND SENIORS</t>
  </si>
  <si>
    <t>STRINGS</t>
  </si>
  <si>
    <t>PERCUSSION</t>
  </si>
  <si>
    <t>WIND</t>
  </si>
  <si>
    <r>
      <rPr>
        <b/>
        <sz val="16"/>
        <color theme="1"/>
        <rFont val="Arial"/>
      </rPr>
      <t>PENTECOSTAL YOUTH FELLOWSHIP OF AMERICA</t>
    </r>
    <r>
      <rPr>
        <b/>
        <sz val="12"/>
        <color theme="1"/>
        <rFont val="Arial"/>
      </rPr>
      <t xml:space="preserve">
TALENT COMPETITION 1 REGISTRATION FORM
BIBLE QUIZ</t>
    </r>
  </si>
  <si>
    <t>LANGUAGE</t>
  </si>
  <si>
    <r>
      <rPr>
        <b/>
        <sz val="16"/>
        <color theme="1"/>
        <rFont val="Arial"/>
      </rPr>
      <t>PENTECOSTAL YOUTH FELLOWSHIP OF AMERICA</t>
    </r>
    <r>
      <rPr>
        <b/>
        <sz val="12"/>
        <color theme="1"/>
        <rFont val="Arial"/>
      </rPr>
      <t xml:space="preserve">
TALENT COMPETITION 1 REGISTRATION FORM
ESSAY</t>
    </r>
  </si>
  <si>
    <t>TEENS &amp; UNDER</t>
  </si>
  <si>
    <r>
      <rPr>
        <b/>
        <sz val="16"/>
        <color theme="1"/>
        <rFont val="Arial"/>
      </rPr>
      <t>PENTECOSTAL YOUTH FELLOWSHIP OF AMERICA</t>
    </r>
    <r>
      <rPr>
        <b/>
        <sz val="12"/>
        <color theme="1"/>
        <rFont val="Arial"/>
      </rPr>
      <t xml:space="preserve">
TALENT COMPETITION 1 REGISTRATION FORM
POETRY</t>
    </r>
  </si>
  <si>
    <r>
      <rPr>
        <b/>
        <sz val="16"/>
        <color theme="1"/>
        <rFont val="Arial"/>
      </rPr>
      <t>PENTECOSTAL YOUTH FELLOWSHIP OF AMERICA</t>
    </r>
    <r>
      <rPr>
        <b/>
        <sz val="12"/>
        <color theme="1"/>
        <rFont val="Arial"/>
      </rPr>
      <t xml:space="preserve">
TALENT COMPETITION 1 REGISTRATION FORM
SUMMARY SHEET</t>
    </r>
    <r>
      <rPr>
        <i/>
        <sz val="11"/>
        <color theme="1"/>
        <rFont val="Arial"/>
      </rPr>
      <t xml:space="preserve"> (V1.0.1.2024.DM)</t>
    </r>
  </si>
  <si>
    <t>SOLO</t>
  </si>
  <si>
    <t>INSTRUMENTAL MUSIC</t>
  </si>
  <si>
    <t>BIBLE QUIZ</t>
  </si>
  <si>
    <t>ESSAY</t>
  </si>
  <si>
    <t>POETRY</t>
  </si>
  <si>
    <t>Middlers &amp; Under, Juniors &amp; Teens, High Teens &amp;Senio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fonts count="15" x14ac:knownFonts="1">
    <font>
      <sz val="11"/>
      <color theme="1"/>
      <name val="Arial"/>
      <scheme val="minor"/>
    </font>
    <font>
      <sz val="11"/>
      <color theme="1"/>
      <name val="Arial"/>
    </font>
    <font>
      <b/>
      <sz val="11"/>
      <color theme="1"/>
      <name val="Arial"/>
    </font>
    <font>
      <sz val="11"/>
      <name val="Arial"/>
    </font>
    <font>
      <b/>
      <sz val="14"/>
      <color rgb="FFFF0000"/>
      <name val="Arial Black"/>
    </font>
    <font>
      <b/>
      <sz val="10"/>
      <color theme="1"/>
      <name val="Arial"/>
    </font>
    <font>
      <i/>
      <sz val="8"/>
      <color theme="1"/>
      <name val="Arial"/>
    </font>
    <font>
      <b/>
      <sz val="12"/>
      <color rgb="FF000000"/>
      <name val="Calibri"/>
    </font>
    <font>
      <sz val="12"/>
      <color rgb="FF000000"/>
      <name val="Calibri"/>
    </font>
    <font>
      <sz val="11"/>
      <color theme="1"/>
      <name val="Calibri"/>
    </font>
    <font>
      <b/>
      <sz val="16"/>
      <color theme="1"/>
      <name val="Arial"/>
    </font>
    <font>
      <b/>
      <sz val="12"/>
      <color theme="1"/>
      <name val="Arial"/>
    </font>
    <font>
      <i/>
      <sz val="11"/>
      <color theme="1"/>
      <name val="Arial"/>
    </font>
    <font>
      <i/>
      <sz val="14"/>
      <color rgb="FFFF0000"/>
      <name val="Arial Black"/>
    </font>
    <font>
      <b/>
      <sz val="14"/>
      <color rgb="FF000000"/>
      <name val="Arial Black"/>
    </font>
  </fonts>
  <fills count="16">
    <fill>
      <patternFill patternType="none"/>
    </fill>
    <fill>
      <patternFill patternType="gray125"/>
    </fill>
    <fill>
      <patternFill patternType="solid">
        <fgColor rgb="FFD8D8D8"/>
        <bgColor rgb="FFD8D8D8"/>
      </patternFill>
    </fill>
    <fill>
      <patternFill patternType="solid">
        <fgColor rgb="FFFFFF00"/>
        <bgColor rgb="FFFFFF00"/>
      </patternFill>
    </fill>
    <fill>
      <patternFill patternType="solid">
        <fgColor rgb="FF76D5D2"/>
        <bgColor rgb="FF76D5D2"/>
      </patternFill>
    </fill>
    <fill>
      <patternFill patternType="solid">
        <fgColor rgb="FF76BEFF"/>
        <bgColor rgb="FF76BEFF"/>
      </patternFill>
    </fill>
    <fill>
      <patternFill patternType="solid">
        <fgColor rgb="FFD1F1F0"/>
        <bgColor rgb="FFD1F1F0"/>
      </patternFill>
    </fill>
    <fill>
      <patternFill patternType="solid">
        <fgColor rgb="FFBADEFE"/>
        <bgColor rgb="FFBADEFE"/>
      </patternFill>
    </fill>
    <fill>
      <patternFill patternType="solid">
        <fgColor rgb="FF8DCB8A"/>
        <bgColor rgb="FF8DCB8A"/>
      </patternFill>
    </fill>
    <fill>
      <patternFill patternType="solid">
        <fgColor rgb="FFD9EDD8"/>
        <bgColor rgb="FFD9EDD8"/>
      </patternFill>
    </fill>
    <fill>
      <patternFill patternType="solid">
        <fgColor rgb="FFEF777D"/>
        <bgColor rgb="FFEF777D"/>
      </patternFill>
    </fill>
    <fill>
      <patternFill patternType="solid">
        <fgColor rgb="FFF9D1D3"/>
        <bgColor rgb="FFF9D1D3"/>
      </patternFill>
    </fill>
    <fill>
      <patternFill patternType="solid">
        <fgColor rgb="FFFF0000"/>
        <bgColor rgb="FFFF0000"/>
      </patternFill>
    </fill>
    <fill>
      <patternFill patternType="solid">
        <fgColor rgb="FFFFC000"/>
        <bgColor rgb="FFFFC000"/>
      </patternFill>
    </fill>
    <fill>
      <patternFill patternType="solid">
        <fgColor rgb="FF00B050"/>
        <bgColor rgb="FF00B050"/>
      </patternFill>
    </fill>
    <fill>
      <patternFill patternType="solid">
        <fgColor rgb="FF00B0F0"/>
        <bgColor rgb="FF00B0F0"/>
      </patternFill>
    </fill>
  </fills>
  <borders count="37">
    <border>
      <left/>
      <right/>
      <top/>
      <bottom/>
      <diagonal/>
    </border>
    <border>
      <left style="medium">
        <color rgb="FF000000"/>
      </left>
      <right style="medium">
        <color rgb="FF000000"/>
      </right>
      <top style="medium">
        <color rgb="FF000000"/>
      </top>
      <bottom/>
      <diagonal/>
    </border>
    <border>
      <left style="medium">
        <color rgb="FF000000"/>
      </left>
      <right/>
      <top style="medium">
        <color rgb="FF000000"/>
      </top>
      <bottom/>
      <diagonal/>
    </border>
    <border>
      <left/>
      <right/>
      <top style="medium">
        <color rgb="FF000000"/>
      </top>
      <bottom/>
      <diagonal/>
    </border>
    <border>
      <left/>
      <right style="medium">
        <color rgb="FF000000"/>
      </right>
      <top style="medium">
        <color rgb="FF000000"/>
      </top>
      <bottom/>
      <diagonal/>
    </border>
    <border>
      <left style="medium">
        <color rgb="FF000000"/>
      </left>
      <right style="medium">
        <color rgb="FF000000"/>
      </right>
      <top/>
      <bottom/>
      <diagonal/>
    </border>
    <border>
      <left style="medium">
        <color rgb="FF000000"/>
      </left>
      <right/>
      <top/>
      <bottom/>
      <diagonal/>
    </border>
    <border>
      <left/>
      <right style="medium">
        <color rgb="FF000000"/>
      </right>
      <top/>
      <bottom/>
      <diagonal/>
    </border>
    <border>
      <left style="medium">
        <color rgb="FF000000"/>
      </left>
      <right/>
      <top/>
      <bottom style="medium">
        <color rgb="FF000000"/>
      </bottom>
      <diagonal/>
    </border>
    <border>
      <left/>
      <right/>
      <top/>
      <bottom style="medium">
        <color rgb="FF000000"/>
      </bottom>
      <diagonal/>
    </border>
    <border>
      <left/>
      <right style="medium">
        <color rgb="FF000000"/>
      </right>
      <top/>
      <bottom style="medium">
        <color rgb="FF000000"/>
      </bottom>
      <diagonal/>
    </border>
    <border>
      <left style="medium">
        <color rgb="FF000000"/>
      </left>
      <right style="medium">
        <color rgb="FF000000"/>
      </right>
      <top/>
      <bottom style="medium">
        <color rgb="FF000000"/>
      </bottom>
      <diagonal/>
    </border>
    <border>
      <left style="medium">
        <color rgb="FF000000"/>
      </left>
      <right/>
      <top style="medium">
        <color rgb="FF000000"/>
      </top>
      <bottom style="medium">
        <color rgb="FF000000"/>
      </bottom>
      <diagonal/>
    </border>
    <border>
      <left/>
      <right style="medium">
        <color rgb="FF000000"/>
      </right>
      <top style="medium">
        <color rgb="FF000000"/>
      </top>
      <bottom style="medium">
        <color rgb="FF000000"/>
      </bottom>
      <diagonal/>
    </border>
    <border>
      <left style="medium">
        <color rgb="FF000000"/>
      </left>
      <right style="thin">
        <color rgb="FF000000"/>
      </right>
      <top/>
      <bottom style="thin">
        <color rgb="FF000000"/>
      </bottom>
      <diagonal/>
    </border>
    <border>
      <left style="thin">
        <color rgb="FF000000"/>
      </left>
      <right style="medium">
        <color rgb="FF000000"/>
      </right>
      <top/>
      <bottom style="thin">
        <color rgb="FF000000"/>
      </bottom>
      <diagonal/>
    </border>
    <border>
      <left style="medium">
        <color rgb="FF000000"/>
      </left>
      <right style="thin">
        <color rgb="FF000000"/>
      </right>
      <top style="thin">
        <color rgb="FF000000"/>
      </top>
      <bottom style="thin">
        <color rgb="FF000000"/>
      </bottom>
      <diagonal/>
    </border>
    <border>
      <left style="thin">
        <color rgb="FF000000"/>
      </left>
      <right style="medium">
        <color rgb="FF000000"/>
      </right>
      <top style="thin">
        <color rgb="FF000000"/>
      </top>
      <bottom style="thin">
        <color rgb="FF000000"/>
      </bottom>
      <diagonal/>
    </border>
    <border>
      <left style="medium">
        <color rgb="FF000000"/>
      </left>
      <right/>
      <top/>
      <bottom/>
      <diagonal/>
    </border>
    <border>
      <left/>
      <right style="medium">
        <color rgb="FF000000"/>
      </right>
      <top/>
      <bottom/>
      <diagonal/>
    </border>
    <border>
      <left style="medium">
        <color rgb="FF000000"/>
      </left>
      <right style="thin">
        <color rgb="FF000000"/>
      </right>
      <top style="thin">
        <color rgb="FF000000"/>
      </top>
      <bottom style="medium">
        <color rgb="FF000000"/>
      </bottom>
      <diagonal/>
    </border>
    <border>
      <left style="thin">
        <color rgb="FF000000"/>
      </left>
      <right style="medium">
        <color rgb="FF000000"/>
      </right>
      <top style="thin">
        <color rgb="FF000000"/>
      </top>
      <bottom style="medium">
        <color rgb="FF000000"/>
      </bottom>
      <diagonal/>
    </border>
    <border>
      <left/>
      <right/>
      <top style="medium">
        <color rgb="FF000000"/>
      </top>
      <bottom style="medium">
        <color rgb="FF000000"/>
      </bottom>
      <diagonal/>
    </border>
    <border>
      <left style="medium">
        <color rgb="FF000000"/>
      </left>
      <right style="thin">
        <color rgb="FF000000"/>
      </right>
      <top style="thin">
        <color rgb="FF000000"/>
      </top>
      <bottom/>
      <diagonal/>
    </border>
    <border>
      <left style="thin">
        <color rgb="FF000000"/>
      </left>
      <right style="medium">
        <color rgb="FF000000"/>
      </right>
      <top style="thin">
        <color rgb="FF000000"/>
      </top>
      <bottom/>
      <diagonal/>
    </border>
    <border>
      <left style="thin">
        <color rgb="FF000000"/>
      </left>
      <right/>
      <top style="thin">
        <color rgb="FF000000"/>
      </top>
      <bottom/>
      <diagonal/>
    </border>
    <border>
      <left/>
      <right/>
      <top style="thin">
        <color rgb="FF000000"/>
      </top>
      <bottom/>
      <diagonal/>
    </border>
    <border>
      <left/>
      <right style="thin">
        <color rgb="FF000000"/>
      </right>
      <top style="thin">
        <color rgb="FF000000"/>
      </top>
      <bottom/>
      <diagonal/>
    </border>
    <border>
      <left style="thin">
        <color rgb="FF000000"/>
      </left>
      <right/>
      <top/>
      <bottom/>
      <diagonal/>
    </border>
    <border>
      <left/>
      <right style="thin">
        <color rgb="FF000000"/>
      </right>
      <top/>
      <bottom/>
      <diagonal/>
    </border>
    <border>
      <left style="thin">
        <color rgb="FF000000"/>
      </left>
      <right/>
      <top/>
      <bottom style="thin">
        <color rgb="FF000000"/>
      </bottom>
      <diagonal/>
    </border>
    <border>
      <left/>
      <right/>
      <top/>
      <bottom style="thin">
        <color rgb="FF000000"/>
      </bottom>
      <diagonal/>
    </border>
    <border>
      <left/>
      <right style="thin">
        <color rgb="FF000000"/>
      </right>
      <top/>
      <bottom style="thin">
        <color rgb="FF000000"/>
      </bottom>
      <diagonal/>
    </border>
    <border>
      <left/>
      <right/>
      <top style="thin">
        <color rgb="FF000000"/>
      </top>
      <bottom style="thin">
        <color rgb="FF000000"/>
      </bottom>
      <diagonal/>
    </border>
    <border>
      <left style="thin">
        <color rgb="FF000000"/>
      </left>
      <right/>
      <top style="thin">
        <color rgb="FF000000"/>
      </top>
      <bottom style="thin">
        <color rgb="FF000000"/>
      </bottom>
      <diagonal/>
    </border>
    <border>
      <left/>
      <right style="thin">
        <color rgb="FF000000"/>
      </right>
      <top style="thin">
        <color rgb="FF000000"/>
      </top>
      <bottom style="thin">
        <color rgb="FF000000"/>
      </bottom>
      <diagonal/>
    </border>
    <border>
      <left style="thin">
        <color rgb="FF000000"/>
      </left>
      <right style="thin">
        <color rgb="FF000000"/>
      </right>
      <top style="thin">
        <color rgb="FF000000"/>
      </top>
      <bottom style="thin">
        <color rgb="FF000000"/>
      </bottom>
      <diagonal/>
    </border>
  </borders>
  <cellStyleXfs count="1">
    <xf numFmtId="0" fontId="0" fillId="0" borderId="0"/>
  </cellStyleXfs>
  <cellXfs count="107">
    <xf numFmtId="0" fontId="0" fillId="0" borderId="0" xfId="0"/>
    <xf numFmtId="0" fontId="1" fillId="6" borderId="14" xfId="0" applyFont="1" applyFill="1" applyBorder="1" applyAlignment="1">
      <alignment horizontal="right"/>
    </xf>
    <xf numFmtId="0" fontId="1" fillId="6" borderId="15" xfId="0" applyFont="1" applyFill="1" applyBorder="1"/>
    <xf numFmtId="0" fontId="1" fillId="6" borderId="16" xfId="0" applyFont="1" applyFill="1" applyBorder="1" applyAlignment="1">
      <alignment horizontal="right"/>
    </xf>
    <xf numFmtId="0" fontId="1" fillId="6" borderId="17" xfId="0" applyFont="1" applyFill="1" applyBorder="1"/>
    <xf numFmtId="0" fontId="1" fillId="7" borderId="14" xfId="0" applyFont="1" applyFill="1" applyBorder="1" applyAlignment="1">
      <alignment horizontal="right"/>
    </xf>
    <xf numFmtId="0" fontId="1" fillId="7" borderId="15" xfId="0" applyFont="1" applyFill="1" applyBorder="1"/>
    <xf numFmtId="0" fontId="1" fillId="7" borderId="16" xfId="0" applyFont="1" applyFill="1" applyBorder="1" applyAlignment="1">
      <alignment horizontal="right"/>
    </xf>
    <xf numFmtId="0" fontId="1" fillId="7" borderId="17" xfId="0" applyFont="1" applyFill="1" applyBorder="1"/>
    <xf numFmtId="0" fontId="1" fillId="6" borderId="20" xfId="0" applyFont="1" applyFill="1" applyBorder="1" applyAlignment="1">
      <alignment horizontal="right"/>
    </xf>
    <xf numFmtId="0" fontId="1" fillId="6" borderId="21" xfId="0" applyFont="1" applyFill="1" applyBorder="1"/>
    <xf numFmtId="0" fontId="1" fillId="9" borderId="14" xfId="0" applyFont="1" applyFill="1" applyBorder="1" applyAlignment="1">
      <alignment horizontal="center" wrapText="1"/>
    </xf>
    <xf numFmtId="0" fontId="1" fillId="9" borderId="15" xfId="0" applyFont="1" applyFill="1" applyBorder="1" applyAlignment="1">
      <alignment horizontal="center" wrapText="1"/>
    </xf>
    <xf numFmtId="0" fontId="1" fillId="7" borderId="23" xfId="0" applyFont="1" applyFill="1" applyBorder="1" applyAlignment="1">
      <alignment horizontal="right"/>
    </xf>
    <xf numFmtId="0" fontId="1" fillId="7" borderId="24" xfId="0" applyFont="1" applyFill="1" applyBorder="1"/>
    <xf numFmtId="0" fontId="1" fillId="9" borderId="16" xfId="0" applyFont="1" applyFill="1" applyBorder="1" applyAlignment="1">
      <alignment horizontal="center" wrapText="1"/>
    </xf>
    <xf numFmtId="0" fontId="1" fillId="9" borderId="17" xfId="0" applyFont="1" applyFill="1" applyBorder="1" applyAlignment="1">
      <alignment horizontal="center" wrapText="1"/>
    </xf>
    <xf numFmtId="0" fontId="1" fillId="9" borderId="20" xfId="0" applyFont="1" applyFill="1" applyBorder="1" applyAlignment="1">
      <alignment horizontal="center" wrapText="1"/>
    </xf>
    <xf numFmtId="0" fontId="1" fillId="9" borderId="21" xfId="0" applyFont="1" applyFill="1" applyBorder="1" applyAlignment="1">
      <alignment horizontal="center" wrapText="1"/>
    </xf>
    <xf numFmtId="0" fontId="1" fillId="11" borderId="14" xfId="0" applyFont="1" applyFill="1" applyBorder="1" applyAlignment="1">
      <alignment horizontal="center" wrapText="1"/>
    </xf>
    <xf numFmtId="0" fontId="1" fillId="11" borderId="15" xfId="0" applyFont="1" applyFill="1" applyBorder="1" applyAlignment="1">
      <alignment horizontal="center" wrapText="1"/>
    </xf>
    <xf numFmtId="0" fontId="1" fillId="11" borderId="16" xfId="0" applyFont="1" applyFill="1" applyBorder="1" applyAlignment="1">
      <alignment horizontal="center" wrapText="1"/>
    </xf>
    <xf numFmtId="0" fontId="1" fillId="11" borderId="17" xfId="0" applyFont="1" applyFill="1" applyBorder="1" applyAlignment="1">
      <alignment horizontal="center" wrapText="1"/>
    </xf>
    <xf numFmtId="0" fontId="1" fillId="11" borderId="20" xfId="0" applyFont="1" applyFill="1" applyBorder="1" applyAlignment="1">
      <alignment horizontal="center" wrapText="1"/>
    </xf>
    <xf numFmtId="0" fontId="1" fillId="11" borderId="21" xfId="0" applyFont="1" applyFill="1" applyBorder="1" applyAlignment="1">
      <alignment horizontal="center" wrapText="1"/>
    </xf>
    <xf numFmtId="0" fontId="1" fillId="7" borderId="20" xfId="0" applyFont="1" applyFill="1" applyBorder="1" applyAlignment="1">
      <alignment horizontal="right"/>
    </xf>
    <xf numFmtId="0" fontId="1" fillId="7" borderId="21" xfId="0" applyFont="1" applyFill="1" applyBorder="1"/>
    <xf numFmtId="0" fontId="2" fillId="0" borderId="0" xfId="0" applyFont="1"/>
    <xf numFmtId="0" fontId="1" fillId="0" borderId="0" xfId="0" applyFont="1" applyAlignment="1">
      <alignment vertical="center" wrapText="1"/>
    </xf>
    <xf numFmtId="0" fontId="8" fillId="2" borderId="36" xfId="0" applyFont="1" applyFill="1" applyBorder="1" applyAlignment="1">
      <alignment horizontal="center"/>
    </xf>
    <xf numFmtId="0" fontId="7" fillId="2" borderId="36" xfId="0" applyFont="1" applyFill="1" applyBorder="1" applyAlignment="1">
      <alignment horizontal="center"/>
    </xf>
    <xf numFmtId="14" fontId="7" fillId="2" borderId="36" xfId="0" applyNumberFormat="1" applyFont="1" applyFill="1" applyBorder="1" applyAlignment="1">
      <alignment horizontal="center"/>
    </xf>
    <xf numFmtId="0" fontId="8" fillId="0" borderId="36" xfId="0" applyFont="1" applyBorder="1" applyAlignment="1">
      <alignment horizontal="center"/>
    </xf>
    <xf numFmtId="14" fontId="8" fillId="0" borderId="36" xfId="0" applyNumberFormat="1" applyFont="1" applyBorder="1" applyAlignment="1">
      <alignment horizontal="center"/>
    </xf>
    <xf numFmtId="0" fontId="8" fillId="0" borderId="0" xfId="0" applyFont="1" applyAlignment="1">
      <alignment horizontal="center"/>
    </xf>
    <xf numFmtId="0" fontId="1" fillId="0" borderId="36" xfId="0" applyFont="1" applyBorder="1"/>
    <xf numFmtId="0" fontId="9" fillId="0" borderId="36" xfId="0" applyFont="1" applyBorder="1"/>
    <xf numFmtId="14" fontId="1" fillId="0" borderId="0" xfId="0" applyNumberFormat="1" applyFont="1"/>
    <xf numFmtId="0" fontId="2" fillId="0" borderId="0" xfId="0" applyFont="1" applyAlignment="1">
      <alignment vertical="center" wrapText="1"/>
    </xf>
    <xf numFmtId="0" fontId="7" fillId="0" borderId="0" xfId="0" applyFont="1"/>
    <xf numFmtId="0" fontId="7" fillId="0" borderId="0" xfId="0" applyFont="1" applyAlignment="1">
      <alignment horizontal="center"/>
    </xf>
    <xf numFmtId="0" fontId="8" fillId="0" borderId="26" xfId="0" applyFont="1" applyBorder="1"/>
    <xf numFmtId="14" fontId="8" fillId="0" borderId="26" xfId="0" applyNumberFormat="1" applyFont="1" applyBorder="1"/>
    <xf numFmtId="0" fontId="8" fillId="0" borderId="0" xfId="0" applyFont="1"/>
    <xf numFmtId="14" fontId="8" fillId="0" borderId="0" xfId="0" applyNumberFormat="1" applyFont="1"/>
    <xf numFmtId="14" fontId="7" fillId="0" borderId="0" xfId="0" applyNumberFormat="1" applyFont="1"/>
    <xf numFmtId="0" fontId="2" fillId="0" borderId="0" xfId="0" applyFont="1" applyAlignment="1">
      <alignment horizontal="center" vertical="center" wrapText="1"/>
    </xf>
    <xf numFmtId="0" fontId="8" fillId="0" borderId="36" xfId="0" applyFont="1" applyBorder="1"/>
    <xf numFmtId="14" fontId="8" fillId="0" borderId="36" xfId="0" applyNumberFormat="1" applyFont="1" applyBorder="1"/>
    <xf numFmtId="14" fontId="1" fillId="0" borderId="36" xfId="0" applyNumberFormat="1" applyFont="1" applyBorder="1"/>
    <xf numFmtId="0" fontId="7" fillId="0" borderId="36" xfId="0" applyFont="1" applyBorder="1"/>
    <xf numFmtId="0" fontId="1" fillId="0" borderId="22" xfId="0" applyFont="1" applyBorder="1" applyAlignment="1">
      <alignment horizontal="center"/>
    </xf>
    <xf numFmtId="0" fontId="3" fillId="0" borderId="22" xfId="0" applyFont="1" applyBorder="1"/>
    <xf numFmtId="0" fontId="2" fillId="5" borderId="12" xfId="0" applyFont="1" applyFill="1" applyBorder="1" applyAlignment="1">
      <alignment horizontal="center"/>
    </xf>
    <xf numFmtId="0" fontId="3" fillId="0" borderId="13" xfId="0" applyFont="1" applyBorder="1"/>
    <xf numFmtId="0" fontId="1" fillId="0" borderId="1" xfId="0" applyFont="1" applyBorder="1" applyAlignment="1">
      <alignment horizontal="center"/>
    </xf>
    <xf numFmtId="0" fontId="3" fillId="0" borderId="5" xfId="0" applyFont="1" applyBorder="1"/>
    <xf numFmtId="0" fontId="3" fillId="0" borderId="11" xfId="0" applyFont="1" applyBorder="1"/>
    <xf numFmtId="0" fontId="2" fillId="2" borderId="2" xfId="0" applyFont="1" applyFill="1" applyBorder="1" applyAlignment="1">
      <alignment horizontal="center" vertical="center" wrapText="1"/>
    </xf>
    <xf numFmtId="0" fontId="3" fillId="0" borderId="3" xfId="0" applyFont="1" applyBorder="1"/>
    <xf numFmtId="0" fontId="3" fillId="0" borderId="4" xfId="0" applyFont="1" applyBorder="1"/>
    <xf numFmtId="0" fontId="3" fillId="0" borderId="6" xfId="0" applyFont="1" applyBorder="1"/>
    <xf numFmtId="0" fontId="0" fillId="0" borderId="0" xfId="0"/>
    <xf numFmtId="0" fontId="3" fillId="0" borderId="7" xfId="0" applyFont="1" applyBorder="1"/>
    <xf numFmtId="0" fontId="3" fillId="0" borderId="8" xfId="0" applyFont="1" applyBorder="1"/>
    <xf numFmtId="0" fontId="3" fillId="0" borderId="9" xfId="0" applyFont="1" applyBorder="1"/>
    <xf numFmtId="0" fontId="3" fillId="0" borderId="10" xfId="0" applyFont="1" applyBorder="1"/>
    <xf numFmtId="0" fontId="4" fillId="3" borderId="2" xfId="0" applyFont="1" applyFill="1" applyBorder="1" applyAlignment="1">
      <alignment horizontal="center" vertical="center" wrapText="1"/>
    </xf>
    <xf numFmtId="0" fontId="1" fillId="0" borderId="0" xfId="0" applyFont="1" applyAlignment="1">
      <alignment horizontal="center"/>
    </xf>
    <xf numFmtId="0" fontId="2" fillId="4" borderId="12" xfId="0" applyFont="1" applyFill="1" applyBorder="1" applyAlignment="1">
      <alignment horizontal="center"/>
    </xf>
    <xf numFmtId="0" fontId="1" fillId="0" borderId="7" xfId="0" applyFont="1" applyBorder="1" applyAlignment="1">
      <alignment horizontal="center"/>
    </xf>
    <xf numFmtId="0" fontId="2" fillId="10" borderId="12" xfId="0" applyFont="1" applyFill="1" applyBorder="1" applyAlignment="1">
      <alignment horizontal="center" wrapText="1"/>
    </xf>
    <xf numFmtId="0" fontId="5" fillId="7" borderId="2" xfId="0" applyFont="1" applyFill="1" applyBorder="1" applyAlignment="1">
      <alignment horizontal="center" vertical="center" wrapText="1"/>
    </xf>
    <xf numFmtId="0" fontId="3" fillId="0" borderId="18" xfId="0" applyFont="1" applyBorder="1"/>
    <xf numFmtId="0" fontId="3" fillId="0" borderId="19" xfId="0" applyFont="1" applyBorder="1"/>
    <xf numFmtId="0" fontId="6" fillId="0" borderId="22" xfId="0" applyFont="1" applyBorder="1" applyAlignment="1">
      <alignment horizontal="center" vertical="center"/>
    </xf>
    <xf numFmtId="0" fontId="2" fillId="8" borderId="12" xfId="0" applyFont="1" applyFill="1" applyBorder="1" applyAlignment="1">
      <alignment horizontal="center" wrapText="1"/>
    </xf>
    <xf numFmtId="0" fontId="8" fillId="0" borderId="33" xfId="0" applyFont="1" applyBorder="1" applyAlignment="1">
      <alignment horizontal="center"/>
    </xf>
    <xf numFmtId="0" fontId="3" fillId="0" borderId="33" xfId="0" applyFont="1" applyBorder="1"/>
    <xf numFmtId="0" fontId="7" fillId="12" borderId="34" xfId="0" applyFont="1" applyFill="1" applyBorder="1" applyAlignment="1">
      <alignment horizontal="center"/>
    </xf>
    <xf numFmtId="0" fontId="3" fillId="0" borderId="35" xfId="0" applyFont="1" applyBorder="1"/>
    <xf numFmtId="0" fontId="2" fillId="12" borderId="25" xfId="0" applyFont="1" applyFill="1" applyBorder="1" applyAlignment="1">
      <alignment horizontal="center" vertical="center" wrapText="1"/>
    </xf>
    <xf numFmtId="0" fontId="3" fillId="0" borderId="26" xfId="0" applyFont="1" applyBorder="1"/>
    <xf numFmtId="0" fontId="3" fillId="0" borderId="27" xfId="0" applyFont="1" applyBorder="1"/>
    <xf numFmtId="0" fontId="3" fillId="0" borderId="28" xfId="0" applyFont="1" applyBorder="1"/>
    <xf numFmtId="0" fontId="3" fillId="0" borderId="29" xfId="0" applyFont="1" applyBorder="1"/>
    <xf numFmtId="0" fontId="3" fillId="0" borderId="30" xfId="0" applyFont="1" applyBorder="1"/>
    <xf numFmtId="0" fontId="3" fillId="0" borderId="31" xfId="0" applyFont="1" applyBorder="1"/>
    <xf numFmtId="0" fontId="3" fillId="0" borderId="32" xfId="0" applyFont="1" applyBorder="1"/>
    <xf numFmtId="0" fontId="1" fillId="0" borderId="33" xfId="0" applyFont="1" applyBorder="1" applyAlignment="1">
      <alignment horizontal="center"/>
    </xf>
    <xf numFmtId="0" fontId="7" fillId="13" borderId="34" xfId="0" applyFont="1" applyFill="1" applyBorder="1" applyAlignment="1">
      <alignment horizontal="center"/>
    </xf>
    <xf numFmtId="0" fontId="2" fillId="13" borderId="25" xfId="0" applyFont="1" applyFill="1" applyBorder="1" applyAlignment="1">
      <alignment horizontal="center" vertical="center" wrapText="1"/>
    </xf>
    <xf numFmtId="0" fontId="7" fillId="14" borderId="34" xfId="0" applyFont="1" applyFill="1" applyBorder="1" applyAlignment="1">
      <alignment horizontal="center"/>
    </xf>
    <xf numFmtId="0" fontId="2" fillId="14" borderId="25" xfId="0" applyFont="1" applyFill="1" applyBorder="1" applyAlignment="1">
      <alignment horizontal="center" vertical="center" wrapText="1"/>
    </xf>
    <xf numFmtId="0" fontId="7" fillId="15" borderId="34" xfId="0" applyFont="1" applyFill="1" applyBorder="1" applyAlignment="1">
      <alignment horizontal="center"/>
    </xf>
    <xf numFmtId="0" fontId="2" fillId="15" borderId="25" xfId="0" applyFont="1" applyFill="1" applyBorder="1" applyAlignment="1">
      <alignment horizontal="center" vertical="center" wrapText="1"/>
    </xf>
    <xf numFmtId="0" fontId="7" fillId="3" borderId="34" xfId="0" applyFont="1" applyFill="1" applyBorder="1" applyAlignment="1">
      <alignment horizontal="center"/>
    </xf>
    <xf numFmtId="0" fontId="2" fillId="3" borderId="25" xfId="0" applyFont="1" applyFill="1" applyBorder="1" applyAlignment="1">
      <alignment horizontal="center" vertical="center" wrapText="1"/>
    </xf>
    <xf numFmtId="0" fontId="7" fillId="0" borderId="33" xfId="0" applyFont="1" applyBorder="1" applyAlignment="1">
      <alignment horizontal="center"/>
    </xf>
    <xf numFmtId="0" fontId="2" fillId="2" borderId="34" xfId="0" applyFont="1" applyFill="1" applyBorder="1" applyAlignment="1">
      <alignment horizontal="center"/>
    </xf>
    <xf numFmtId="0" fontId="1" fillId="0" borderId="26" xfId="0" applyFont="1" applyBorder="1" applyAlignment="1">
      <alignment horizontal="center"/>
    </xf>
    <xf numFmtId="0" fontId="1" fillId="0" borderId="31" xfId="0" applyFont="1" applyBorder="1" applyAlignment="1">
      <alignment horizontal="center"/>
    </xf>
    <xf numFmtId="0" fontId="7" fillId="0" borderId="26" xfId="0" applyFont="1" applyBorder="1" applyAlignment="1">
      <alignment horizontal="center"/>
    </xf>
    <xf numFmtId="0" fontId="7" fillId="2" borderId="34" xfId="0" applyFont="1" applyFill="1" applyBorder="1" applyAlignment="1">
      <alignment horizontal="center"/>
    </xf>
    <xf numFmtId="0" fontId="2" fillId="0" borderId="0" xfId="0" applyFont="1" applyAlignment="1">
      <alignment horizontal="center" vertical="center" wrapText="1"/>
    </xf>
    <xf numFmtId="0" fontId="2" fillId="2" borderId="34" xfId="0" applyFont="1" applyFill="1" applyBorder="1" applyAlignment="1">
      <alignment horizontal="center" vertical="center" wrapText="1"/>
    </xf>
    <xf numFmtId="0" fontId="2" fillId="0" borderId="34" xfId="0" applyFont="1" applyBorder="1" applyAlignment="1">
      <alignment horizontal="center" vertical="center" wrapText="1"/>
    </xf>
  </cellXfs>
  <cellStyles count="1">
    <cellStyle name="Normal" xfId="0" builtinId="0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13" Type="http://schemas.openxmlformats.org/officeDocument/2006/relationships/styles" Target="styles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theme" Target="theme/theme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customschemas.google.com/relationships/workbookmetadata" Target="metadata"/><Relationship Id="rId5" Type="http://schemas.openxmlformats.org/officeDocument/2006/relationships/worksheet" Target="worksheets/sheet5.xml"/><Relationship Id="rId15" Type="http://schemas.openxmlformats.org/officeDocument/2006/relationships/calcChain" Target="calcChain.xml"/><Relationship Id="rId4" Type="http://schemas.openxmlformats.org/officeDocument/2006/relationships/worksheet" Target="worksheets/sheet4.xml"/><Relationship Id="rId14" Type="http://schemas.openxmlformats.org/officeDocument/2006/relationships/sharedStrings" Target="sharedStrings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oneCellAnchor>
    <xdr:from>
      <xdr:col>0</xdr:col>
      <xdr:colOff>266700</xdr:colOff>
      <xdr:row>0</xdr:row>
      <xdr:rowOff>85725</xdr:rowOff>
    </xdr:from>
    <xdr:ext cx="1524000" cy="1485900"/>
    <xdr:pic>
      <xdr:nvPicPr>
        <xdr:cNvPr id="2" name="image1.png">
          <a:extLst>
            <a:ext uri="{FF2B5EF4-FFF2-40B4-BE49-F238E27FC236}">
              <a16:creationId xmlns:a16="http://schemas.microsoft.com/office/drawing/2014/main" id="{00000000-0008-0000-0000-000002000000}"/>
            </a:ext>
          </a:extLst>
        </xdr:cNvPr>
        <xdr:cNvPicPr preferRelativeResize="0"/>
      </xdr:nvPicPr>
      <xdr:blipFill>
        <a:blip xmlns:r="http://schemas.openxmlformats.org/officeDocument/2006/relationships" r:embed="rId1" cstate="print"/>
        <a:stretch>
          <a:fillRect/>
        </a:stretch>
      </xdr:blipFill>
      <xdr:spPr>
        <a:prstGeom prst="rect">
          <a:avLst/>
        </a:prstGeom>
        <a:noFill/>
      </xdr:spPr>
    </xdr:pic>
    <xdr:clientData fLocksWithSheet="0"/>
  </xdr:oneCellAnchor>
</xdr:wsDr>
</file>

<file path=xl/theme/theme1.xml><?xml version="1.0" encoding="utf-8"?>
<a:theme xmlns:a="http://schemas.openxmlformats.org/drawingml/2006/main" name="Sheets">
  <a:themeElements>
    <a:clrScheme name="Sheets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606062"/>
      </a:folHlink>
    </a:clrScheme>
    <a:fontScheme name="Sheets">
      <a:majorFont>
        <a:latin typeface="Arial"/>
        <a:ea typeface="Arial"/>
        <a:cs typeface="Arial"/>
      </a:majorFont>
      <a:minorFont>
        <a:latin typeface="Arial"/>
        <a:ea typeface="Arial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1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tabColor theme="1"/>
  </sheetPr>
  <dimension ref="A1:Z1000"/>
  <sheetViews>
    <sheetView tabSelected="1" workbookViewId="0">
      <selection sqref="A1:A9"/>
    </sheetView>
  </sheetViews>
  <sheetFormatPr defaultColWidth="0" defaultRowHeight="15" customHeight="1" zeroHeight="1" x14ac:dyDescent="0.25"/>
  <cols>
    <col min="1" max="1" width="28.59765625" customWidth="1"/>
    <col min="2" max="2" width="52.19921875" customWidth="1"/>
    <col min="3" max="3" width="1.3984375" customWidth="1"/>
    <col min="4" max="4" width="26.69921875" customWidth="1"/>
    <col min="5" max="5" width="72.59765625" customWidth="1"/>
    <col min="6" max="26" width="8.59765625" hidden="1" customWidth="1"/>
    <col min="27" max="16384" width="12.59765625" hidden="1"/>
  </cols>
  <sheetData>
    <row r="1" spans="1:5" ht="15" customHeight="1" x14ac:dyDescent="0.25">
      <c r="A1" s="55"/>
      <c r="B1" s="58" t="s">
        <v>0</v>
      </c>
      <c r="C1" s="59"/>
      <c r="D1" s="59"/>
      <c r="E1" s="60"/>
    </row>
    <row r="2" spans="1:5" ht="15" customHeight="1" x14ac:dyDescent="0.25">
      <c r="A2" s="56"/>
      <c r="B2" s="61"/>
      <c r="C2" s="62"/>
      <c r="D2" s="62"/>
      <c r="E2" s="63"/>
    </row>
    <row r="3" spans="1:5" ht="14.25" customHeight="1" x14ac:dyDescent="0.25">
      <c r="A3" s="56"/>
      <c r="B3" s="61"/>
      <c r="C3" s="62"/>
      <c r="D3" s="62"/>
      <c r="E3" s="63"/>
    </row>
    <row r="4" spans="1:5" ht="14.25" customHeight="1" x14ac:dyDescent="0.25">
      <c r="A4" s="56"/>
      <c r="B4" s="64"/>
      <c r="C4" s="65"/>
      <c r="D4" s="65"/>
      <c r="E4" s="66"/>
    </row>
    <row r="5" spans="1:5" ht="15" customHeight="1" x14ac:dyDescent="0.25">
      <c r="A5" s="56"/>
      <c r="B5" s="67" t="s">
        <v>1</v>
      </c>
      <c r="C5" s="59"/>
      <c r="D5" s="59"/>
      <c r="E5" s="60"/>
    </row>
    <row r="6" spans="1:5" ht="14.25" customHeight="1" x14ac:dyDescent="0.25">
      <c r="A6" s="56"/>
      <c r="B6" s="61"/>
      <c r="C6" s="62"/>
      <c r="D6" s="62"/>
      <c r="E6" s="63"/>
    </row>
    <row r="7" spans="1:5" ht="14.25" customHeight="1" x14ac:dyDescent="0.25">
      <c r="A7" s="56"/>
      <c r="B7" s="61"/>
      <c r="C7" s="62"/>
      <c r="D7" s="62"/>
      <c r="E7" s="63"/>
    </row>
    <row r="8" spans="1:5" ht="14.25" customHeight="1" x14ac:dyDescent="0.25">
      <c r="A8" s="56"/>
      <c r="B8" s="61"/>
      <c r="C8" s="62"/>
      <c r="D8" s="62"/>
      <c r="E8" s="63"/>
    </row>
    <row r="9" spans="1:5" ht="14.25" customHeight="1" x14ac:dyDescent="0.25">
      <c r="A9" s="57"/>
      <c r="B9" s="64"/>
      <c r="C9" s="65"/>
      <c r="D9" s="65"/>
      <c r="E9" s="66"/>
    </row>
    <row r="10" spans="1:5" ht="8.25" customHeight="1" x14ac:dyDescent="0.25">
      <c r="A10" s="68"/>
      <c r="B10" s="62"/>
      <c r="C10" s="62"/>
      <c r="D10" s="62"/>
      <c r="E10" s="62"/>
    </row>
    <row r="11" spans="1:5" ht="13.5" customHeight="1" x14ac:dyDescent="0.25">
      <c r="A11" s="69" t="s">
        <v>2</v>
      </c>
      <c r="B11" s="54"/>
      <c r="C11" s="70"/>
      <c r="D11" s="53" t="s">
        <v>3</v>
      </c>
      <c r="E11" s="54"/>
    </row>
    <row r="12" spans="1:5" ht="13.5" customHeight="1" x14ac:dyDescent="0.25">
      <c r="A12" s="1" t="s">
        <v>4</v>
      </c>
      <c r="B12" s="2"/>
      <c r="C12" s="63"/>
      <c r="D12" s="72" t="s">
        <v>5</v>
      </c>
      <c r="E12" s="60"/>
    </row>
    <row r="13" spans="1:5" ht="13.5" customHeight="1" x14ac:dyDescent="0.25">
      <c r="A13" s="3" t="s">
        <v>6</v>
      </c>
      <c r="B13" s="4"/>
      <c r="C13" s="63"/>
      <c r="D13" s="61"/>
      <c r="E13" s="63"/>
    </row>
    <row r="14" spans="1:5" ht="13.5" customHeight="1" x14ac:dyDescent="0.25">
      <c r="A14" s="3" t="s">
        <v>7</v>
      </c>
      <c r="B14" s="4"/>
      <c r="C14" s="63"/>
      <c r="D14" s="61"/>
      <c r="E14" s="63"/>
    </row>
    <row r="15" spans="1:5" ht="13.5" customHeight="1" x14ac:dyDescent="0.25">
      <c r="A15" s="3" t="s">
        <v>8</v>
      </c>
      <c r="B15" s="4"/>
      <c r="C15" s="63"/>
      <c r="D15" s="61"/>
      <c r="E15" s="63"/>
    </row>
    <row r="16" spans="1:5" ht="13.5" customHeight="1" x14ac:dyDescent="0.25">
      <c r="A16" s="3" t="s">
        <v>9</v>
      </c>
      <c r="B16" s="4"/>
      <c r="C16" s="63"/>
      <c r="D16" s="73"/>
      <c r="E16" s="74"/>
    </row>
    <row r="17" spans="1:5" ht="13.5" customHeight="1" x14ac:dyDescent="0.25">
      <c r="A17" s="3" t="s">
        <v>10</v>
      </c>
      <c r="B17" s="4"/>
      <c r="C17" s="63"/>
      <c r="D17" s="53" t="s">
        <v>11</v>
      </c>
      <c r="E17" s="54"/>
    </row>
    <row r="18" spans="1:5" ht="13.5" customHeight="1" x14ac:dyDescent="0.25">
      <c r="A18" s="3" t="s">
        <v>12</v>
      </c>
      <c r="B18" s="4"/>
      <c r="C18" s="63"/>
      <c r="D18" s="5" t="s">
        <v>13</v>
      </c>
      <c r="E18" s="6"/>
    </row>
    <row r="19" spans="1:5" ht="13.5" customHeight="1" x14ac:dyDescent="0.25">
      <c r="A19" s="3" t="s">
        <v>14</v>
      </c>
      <c r="B19" s="4"/>
      <c r="C19" s="63"/>
      <c r="D19" s="7" t="s">
        <v>15</v>
      </c>
      <c r="E19" s="8"/>
    </row>
    <row r="20" spans="1:5" ht="13.5" customHeight="1" x14ac:dyDescent="0.25">
      <c r="A20" s="9" t="s">
        <v>16</v>
      </c>
      <c r="B20" s="10"/>
      <c r="C20" s="63"/>
      <c r="D20" s="7" t="s">
        <v>17</v>
      </c>
      <c r="E20" s="8"/>
    </row>
    <row r="21" spans="1:5" ht="13.5" customHeight="1" x14ac:dyDescent="0.25">
      <c r="A21" s="75" t="s">
        <v>18</v>
      </c>
      <c r="B21" s="52"/>
      <c r="C21" s="63"/>
      <c r="D21" s="7" t="s">
        <v>19</v>
      </c>
      <c r="E21" s="8"/>
    </row>
    <row r="22" spans="1:5" ht="13.5" customHeight="1" x14ac:dyDescent="0.25">
      <c r="A22" s="76" t="s">
        <v>20</v>
      </c>
      <c r="B22" s="54"/>
      <c r="C22" s="63"/>
      <c r="D22" s="7" t="s">
        <v>21</v>
      </c>
      <c r="E22" s="8"/>
    </row>
    <row r="23" spans="1:5" ht="15.75" customHeight="1" x14ac:dyDescent="0.25">
      <c r="A23" s="11" t="s">
        <v>22</v>
      </c>
      <c r="B23" s="12" t="s">
        <v>23</v>
      </c>
      <c r="C23" s="63"/>
      <c r="D23" s="13" t="s">
        <v>24</v>
      </c>
      <c r="E23" s="14"/>
    </row>
    <row r="24" spans="1:5" ht="13.5" customHeight="1" x14ac:dyDescent="0.25">
      <c r="A24" s="15" t="s">
        <v>25</v>
      </c>
      <c r="B24" s="16" t="s">
        <v>26</v>
      </c>
      <c r="C24" s="63"/>
      <c r="D24" s="53" t="s">
        <v>27</v>
      </c>
      <c r="E24" s="54"/>
    </row>
    <row r="25" spans="1:5" ht="13.5" customHeight="1" x14ac:dyDescent="0.25">
      <c r="A25" s="15" t="s">
        <v>28</v>
      </c>
      <c r="B25" s="16" t="s">
        <v>29</v>
      </c>
      <c r="C25" s="63"/>
      <c r="D25" s="5" t="s">
        <v>13</v>
      </c>
      <c r="E25" s="6"/>
    </row>
    <row r="26" spans="1:5" ht="13.5" customHeight="1" x14ac:dyDescent="0.25">
      <c r="A26" s="15" t="s">
        <v>30</v>
      </c>
      <c r="B26" s="16" t="s">
        <v>31</v>
      </c>
      <c r="C26" s="63"/>
      <c r="D26" s="7" t="s">
        <v>15</v>
      </c>
      <c r="E26" s="8"/>
    </row>
    <row r="27" spans="1:5" ht="13.5" customHeight="1" x14ac:dyDescent="0.25">
      <c r="A27" s="15" t="s">
        <v>32</v>
      </c>
      <c r="B27" s="16" t="s">
        <v>33</v>
      </c>
      <c r="C27" s="63"/>
      <c r="D27" s="7" t="s">
        <v>17</v>
      </c>
      <c r="E27" s="8"/>
    </row>
    <row r="28" spans="1:5" ht="13.5" customHeight="1" x14ac:dyDescent="0.25">
      <c r="A28" s="15" t="s">
        <v>34</v>
      </c>
      <c r="B28" s="16" t="s">
        <v>35</v>
      </c>
      <c r="C28" s="63"/>
      <c r="D28" s="7" t="s">
        <v>19</v>
      </c>
      <c r="E28" s="8"/>
    </row>
    <row r="29" spans="1:5" ht="15" customHeight="1" x14ac:dyDescent="0.25">
      <c r="A29" s="15" t="s">
        <v>36</v>
      </c>
      <c r="B29" s="16" t="s">
        <v>37</v>
      </c>
      <c r="C29" s="63"/>
      <c r="D29" s="7" t="s">
        <v>21</v>
      </c>
      <c r="E29" s="8"/>
    </row>
    <row r="30" spans="1:5" ht="13.5" customHeight="1" x14ac:dyDescent="0.25">
      <c r="A30" s="17" t="s">
        <v>38</v>
      </c>
      <c r="B30" s="18" t="s">
        <v>39</v>
      </c>
      <c r="C30" s="63"/>
      <c r="D30" s="13" t="s">
        <v>24</v>
      </c>
      <c r="E30" s="14"/>
    </row>
    <row r="31" spans="1:5" ht="13.5" customHeight="1" x14ac:dyDescent="0.25">
      <c r="A31" s="51"/>
      <c r="B31" s="52"/>
      <c r="C31" s="63"/>
      <c r="D31" s="53" t="s">
        <v>40</v>
      </c>
      <c r="E31" s="54"/>
    </row>
    <row r="32" spans="1:5" ht="16.5" customHeight="1" x14ac:dyDescent="0.25">
      <c r="A32" s="71" t="s">
        <v>41</v>
      </c>
      <c r="B32" s="54"/>
      <c r="C32" s="63"/>
      <c r="D32" s="5" t="s">
        <v>13</v>
      </c>
      <c r="E32" s="6"/>
    </row>
    <row r="33" spans="1:5" ht="13.5" customHeight="1" x14ac:dyDescent="0.25">
      <c r="A33" s="19" t="s">
        <v>42</v>
      </c>
      <c r="B33" s="20" t="s">
        <v>43</v>
      </c>
      <c r="C33" s="63"/>
      <c r="D33" s="7" t="s">
        <v>15</v>
      </c>
      <c r="E33" s="8"/>
    </row>
    <row r="34" spans="1:5" ht="13.5" customHeight="1" x14ac:dyDescent="0.25">
      <c r="A34" s="21" t="s">
        <v>44</v>
      </c>
      <c r="B34" s="22" t="s">
        <v>83</v>
      </c>
      <c r="C34" s="63"/>
      <c r="D34" s="7" t="s">
        <v>17</v>
      </c>
      <c r="E34" s="8"/>
    </row>
    <row r="35" spans="1:5" ht="13.5" customHeight="1" x14ac:dyDescent="0.25">
      <c r="A35" s="21" t="s">
        <v>45</v>
      </c>
      <c r="B35" s="22" t="s">
        <v>43</v>
      </c>
      <c r="C35" s="63"/>
      <c r="D35" s="7" t="s">
        <v>19</v>
      </c>
      <c r="E35" s="8"/>
    </row>
    <row r="36" spans="1:5" ht="15.75" customHeight="1" x14ac:dyDescent="0.25">
      <c r="A36" s="21" t="s">
        <v>46</v>
      </c>
      <c r="B36" s="22" t="s">
        <v>47</v>
      </c>
      <c r="C36" s="63"/>
      <c r="D36" s="7" t="s">
        <v>21</v>
      </c>
      <c r="E36" s="8"/>
    </row>
    <row r="37" spans="1:5" ht="14.25" customHeight="1" x14ac:dyDescent="0.25">
      <c r="A37" s="23" t="s">
        <v>48</v>
      </c>
      <c r="B37" s="24" t="s">
        <v>49</v>
      </c>
      <c r="C37" s="63"/>
      <c r="D37" s="25" t="s">
        <v>24</v>
      </c>
      <c r="E37" s="26"/>
    </row>
    <row r="38" spans="1:5" ht="13.5" hidden="1" customHeight="1" x14ac:dyDescent="0.25"/>
    <row r="39" spans="1:5" ht="19.5" hidden="1" customHeight="1" x14ac:dyDescent="0.25">
      <c r="A39" s="27"/>
      <c r="B39" s="27"/>
    </row>
    <row r="40" spans="1:5" ht="13.5" hidden="1" customHeight="1" x14ac:dyDescent="0.25">
      <c r="D40" s="28"/>
      <c r="E40" s="28"/>
    </row>
    <row r="41" spans="1:5" ht="13.5" hidden="1" customHeight="1" x14ac:dyDescent="0.25">
      <c r="D41" s="28"/>
      <c r="E41" s="28"/>
    </row>
    <row r="42" spans="1:5" ht="13.5" hidden="1" customHeight="1" x14ac:dyDescent="0.25">
      <c r="D42" s="28"/>
      <c r="E42" s="28"/>
    </row>
    <row r="43" spans="1:5" ht="13.5" hidden="1" customHeight="1" x14ac:dyDescent="0.25">
      <c r="D43" s="28"/>
      <c r="E43" s="28"/>
    </row>
    <row r="44" spans="1:5" ht="13.5" hidden="1" customHeight="1" x14ac:dyDescent="0.25">
      <c r="D44" s="28"/>
      <c r="E44" s="28"/>
    </row>
    <row r="45" spans="1:5" ht="13.5" hidden="1" customHeight="1" x14ac:dyDescent="0.25">
      <c r="D45" s="28"/>
      <c r="E45" s="28"/>
    </row>
    <row r="46" spans="1:5" ht="13.5" hidden="1" customHeight="1" x14ac:dyDescent="0.25">
      <c r="D46" s="28"/>
      <c r="E46" s="28"/>
    </row>
    <row r="47" spans="1:5" ht="14.25" hidden="1" customHeight="1" x14ac:dyDescent="0.25">
      <c r="D47" s="28"/>
      <c r="E47" s="28"/>
    </row>
    <row r="48" spans="1:5" ht="13.5" hidden="1" customHeight="1" x14ac:dyDescent="0.25">
      <c r="D48" s="28"/>
      <c r="E48" s="28"/>
    </row>
    <row r="49" spans="4:5" ht="13.5" hidden="1" customHeight="1" x14ac:dyDescent="0.25">
      <c r="D49" s="28"/>
      <c r="E49" s="28"/>
    </row>
    <row r="50" spans="4:5" ht="13.5" hidden="1" customHeight="1" x14ac:dyDescent="0.25">
      <c r="D50" s="28"/>
      <c r="E50" s="28"/>
    </row>
    <row r="51" spans="4:5" ht="13.5" hidden="1" customHeight="1" x14ac:dyDescent="0.25">
      <c r="D51" s="28"/>
      <c r="E51" s="28"/>
    </row>
    <row r="52" spans="4:5" ht="13.5" hidden="1" customHeight="1" x14ac:dyDescent="0.25">
      <c r="D52" s="28"/>
      <c r="E52" s="28"/>
    </row>
    <row r="53" spans="4:5" ht="13.5" hidden="1" customHeight="1" x14ac:dyDescent="0.25">
      <c r="D53" s="28"/>
      <c r="E53" s="28"/>
    </row>
    <row r="54" spans="4:5" ht="13.5" hidden="1" customHeight="1" x14ac:dyDescent="0.25"/>
    <row r="55" spans="4:5" ht="13.5" hidden="1" customHeight="1" x14ac:dyDescent="0.25"/>
    <row r="56" spans="4:5" ht="13.5" hidden="1" customHeight="1" x14ac:dyDescent="0.25"/>
    <row r="57" spans="4:5" ht="13.5" hidden="1" customHeight="1" x14ac:dyDescent="0.25"/>
    <row r="58" spans="4:5" ht="13.5" hidden="1" customHeight="1" x14ac:dyDescent="0.25"/>
    <row r="59" spans="4:5" ht="13.5" hidden="1" customHeight="1" x14ac:dyDescent="0.25"/>
    <row r="60" spans="4:5" ht="13.5" hidden="1" customHeight="1" x14ac:dyDescent="0.25"/>
    <row r="61" spans="4:5" ht="13.5" hidden="1" customHeight="1" x14ac:dyDescent="0.25"/>
    <row r="62" spans="4:5" ht="13.5" hidden="1" customHeight="1" x14ac:dyDescent="0.25"/>
    <row r="63" spans="4:5" ht="13.5" hidden="1" customHeight="1" x14ac:dyDescent="0.25"/>
    <row r="64" spans="4:5" ht="13.5" hidden="1" customHeight="1" x14ac:dyDescent="0.25"/>
    <row r="65" ht="13.5" hidden="1" customHeight="1" x14ac:dyDescent="0.25"/>
    <row r="66" ht="13.5" hidden="1" customHeight="1" x14ac:dyDescent="0.25"/>
    <row r="67" ht="13.5" hidden="1" customHeight="1" x14ac:dyDescent="0.25"/>
    <row r="68" ht="13.5" hidden="1" customHeight="1" x14ac:dyDescent="0.25"/>
    <row r="69" ht="13.5" hidden="1" customHeight="1" x14ac:dyDescent="0.25"/>
    <row r="70" ht="13.5" hidden="1" customHeight="1" x14ac:dyDescent="0.25"/>
    <row r="71" ht="13.5" hidden="1" customHeight="1" x14ac:dyDescent="0.25"/>
    <row r="72" ht="13.5" hidden="1" customHeight="1" x14ac:dyDescent="0.25"/>
    <row r="73" ht="13.5" hidden="1" customHeight="1" x14ac:dyDescent="0.25"/>
    <row r="74" ht="13.5" hidden="1" customHeight="1" x14ac:dyDescent="0.25"/>
    <row r="75" ht="13.5" hidden="1" customHeight="1" x14ac:dyDescent="0.25"/>
    <row r="76" ht="13.5" hidden="1" customHeight="1" x14ac:dyDescent="0.25"/>
    <row r="77" ht="13.5" hidden="1" customHeight="1" x14ac:dyDescent="0.25"/>
    <row r="78" ht="13.5" hidden="1" customHeight="1" x14ac:dyDescent="0.25"/>
    <row r="79" ht="13.5" hidden="1" customHeight="1" x14ac:dyDescent="0.25"/>
    <row r="80" ht="13.5" hidden="1" customHeight="1" x14ac:dyDescent="0.25"/>
    <row r="81" ht="13.5" hidden="1" customHeight="1" x14ac:dyDescent="0.25"/>
    <row r="82" ht="13.5" hidden="1" customHeight="1" x14ac:dyDescent="0.25"/>
    <row r="83" ht="13.5" hidden="1" customHeight="1" x14ac:dyDescent="0.25"/>
    <row r="84" ht="13.5" hidden="1" customHeight="1" x14ac:dyDescent="0.25"/>
    <row r="85" ht="13.5" hidden="1" customHeight="1" x14ac:dyDescent="0.25"/>
    <row r="86" ht="13.5" hidden="1" customHeight="1" x14ac:dyDescent="0.25"/>
    <row r="87" ht="13.5" hidden="1" customHeight="1" x14ac:dyDescent="0.25"/>
    <row r="88" ht="13.5" hidden="1" customHeight="1" x14ac:dyDescent="0.25"/>
    <row r="89" ht="13.5" hidden="1" customHeight="1" x14ac:dyDescent="0.25"/>
    <row r="90" ht="13.5" hidden="1" customHeight="1" x14ac:dyDescent="0.25"/>
    <row r="91" ht="13.5" hidden="1" customHeight="1" x14ac:dyDescent="0.25"/>
    <row r="92" ht="13.5" hidden="1" customHeight="1" x14ac:dyDescent="0.25"/>
    <row r="93" ht="13.5" hidden="1" customHeight="1" x14ac:dyDescent="0.25"/>
    <row r="94" ht="13.5" hidden="1" customHeight="1" x14ac:dyDescent="0.25"/>
    <row r="95" ht="13.5" hidden="1" customHeight="1" x14ac:dyDescent="0.25"/>
    <row r="96" ht="13.5" hidden="1" customHeight="1" x14ac:dyDescent="0.25"/>
    <row r="97" ht="13.5" hidden="1" customHeight="1" x14ac:dyDescent="0.25"/>
    <row r="98" ht="13.5" hidden="1" customHeight="1" x14ac:dyDescent="0.25"/>
    <row r="99" ht="13.5" hidden="1" customHeight="1" x14ac:dyDescent="0.25"/>
    <row r="100" ht="13.5" hidden="1" customHeight="1" x14ac:dyDescent="0.25"/>
    <row r="101" ht="13.5" hidden="1" customHeight="1" x14ac:dyDescent="0.25"/>
    <row r="102" ht="13.5" hidden="1" customHeight="1" x14ac:dyDescent="0.25"/>
    <row r="103" ht="13.5" hidden="1" customHeight="1" x14ac:dyDescent="0.25"/>
    <row r="104" ht="13.5" hidden="1" customHeight="1" x14ac:dyDescent="0.25"/>
    <row r="105" ht="13.5" hidden="1" customHeight="1" x14ac:dyDescent="0.25"/>
    <row r="106" ht="13.5" hidden="1" customHeight="1" x14ac:dyDescent="0.25"/>
    <row r="107" ht="13.5" hidden="1" customHeight="1" x14ac:dyDescent="0.25"/>
    <row r="108" ht="13.5" hidden="1" customHeight="1" x14ac:dyDescent="0.25"/>
    <row r="109" ht="13.5" hidden="1" customHeight="1" x14ac:dyDescent="0.25"/>
    <row r="110" ht="13.5" hidden="1" customHeight="1" x14ac:dyDescent="0.25"/>
    <row r="111" ht="13.5" hidden="1" customHeight="1" x14ac:dyDescent="0.25"/>
    <row r="112" ht="13.5" hidden="1" customHeight="1" x14ac:dyDescent="0.25"/>
    <row r="113" ht="13.5" hidden="1" customHeight="1" x14ac:dyDescent="0.25"/>
    <row r="114" ht="13.5" hidden="1" customHeight="1" x14ac:dyDescent="0.25"/>
    <row r="115" ht="13.5" hidden="1" customHeight="1" x14ac:dyDescent="0.25"/>
    <row r="116" ht="13.5" hidden="1" customHeight="1" x14ac:dyDescent="0.25"/>
    <row r="117" ht="13.5" hidden="1" customHeight="1" x14ac:dyDescent="0.25"/>
    <row r="118" ht="13.5" hidden="1" customHeight="1" x14ac:dyDescent="0.25"/>
    <row r="119" ht="13.5" hidden="1" customHeight="1" x14ac:dyDescent="0.25"/>
    <row r="120" ht="13.5" hidden="1" customHeight="1" x14ac:dyDescent="0.25"/>
    <row r="121" ht="13.5" hidden="1" customHeight="1" x14ac:dyDescent="0.25"/>
    <row r="122" ht="13.5" hidden="1" customHeight="1" x14ac:dyDescent="0.25"/>
    <row r="123" ht="13.5" hidden="1" customHeight="1" x14ac:dyDescent="0.25"/>
    <row r="124" ht="13.5" hidden="1" customHeight="1" x14ac:dyDescent="0.25"/>
    <row r="125" ht="13.5" hidden="1" customHeight="1" x14ac:dyDescent="0.25"/>
    <row r="126" ht="13.5" hidden="1" customHeight="1" x14ac:dyDescent="0.25"/>
    <row r="127" ht="13.5" hidden="1" customHeight="1" x14ac:dyDescent="0.25"/>
    <row r="128" ht="13.5" hidden="1" customHeight="1" x14ac:dyDescent="0.25"/>
    <row r="129" ht="13.5" hidden="1" customHeight="1" x14ac:dyDescent="0.25"/>
    <row r="130" ht="13.5" hidden="1" customHeight="1" x14ac:dyDescent="0.25"/>
    <row r="131" ht="13.5" hidden="1" customHeight="1" x14ac:dyDescent="0.25"/>
    <row r="132" ht="13.5" hidden="1" customHeight="1" x14ac:dyDescent="0.25"/>
    <row r="133" ht="13.5" hidden="1" customHeight="1" x14ac:dyDescent="0.25"/>
    <row r="134" ht="13.5" hidden="1" customHeight="1" x14ac:dyDescent="0.25"/>
    <row r="135" ht="13.5" hidden="1" customHeight="1" x14ac:dyDescent="0.25"/>
    <row r="136" ht="13.5" hidden="1" customHeight="1" x14ac:dyDescent="0.25"/>
    <row r="137" ht="13.5" hidden="1" customHeight="1" x14ac:dyDescent="0.25"/>
    <row r="138" ht="13.5" hidden="1" customHeight="1" x14ac:dyDescent="0.25"/>
    <row r="139" ht="13.5" hidden="1" customHeight="1" x14ac:dyDescent="0.25"/>
    <row r="140" ht="13.5" hidden="1" customHeight="1" x14ac:dyDescent="0.25"/>
    <row r="141" ht="13.5" hidden="1" customHeight="1" x14ac:dyDescent="0.25"/>
    <row r="142" ht="13.5" hidden="1" customHeight="1" x14ac:dyDescent="0.25"/>
    <row r="143" ht="13.5" hidden="1" customHeight="1" x14ac:dyDescent="0.25"/>
    <row r="144" ht="13.5" hidden="1" customHeight="1" x14ac:dyDescent="0.25"/>
    <row r="145" ht="13.5" hidden="1" customHeight="1" x14ac:dyDescent="0.25"/>
    <row r="146" ht="13.5" hidden="1" customHeight="1" x14ac:dyDescent="0.25"/>
    <row r="147" ht="13.5" hidden="1" customHeight="1" x14ac:dyDescent="0.25"/>
    <row r="148" ht="13.5" hidden="1" customHeight="1" x14ac:dyDescent="0.25"/>
    <row r="149" ht="13.5" hidden="1" customHeight="1" x14ac:dyDescent="0.25"/>
    <row r="150" ht="13.5" hidden="1" customHeight="1" x14ac:dyDescent="0.25"/>
    <row r="151" ht="13.5" hidden="1" customHeight="1" x14ac:dyDescent="0.25"/>
    <row r="152" ht="13.5" hidden="1" customHeight="1" x14ac:dyDescent="0.25"/>
    <row r="153" ht="13.5" hidden="1" customHeight="1" x14ac:dyDescent="0.25"/>
    <row r="154" ht="13.5" hidden="1" customHeight="1" x14ac:dyDescent="0.25"/>
    <row r="155" ht="13.5" hidden="1" customHeight="1" x14ac:dyDescent="0.25"/>
    <row r="156" ht="13.5" hidden="1" customHeight="1" x14ac:dyDescent="0.25"/>
    <row r="157" ht="13.5" hidden="1" customHeight="1" x14ac:dyDescent="0.25"/>
    <row r="158" ht="13.5" hidden="1" customHeight="1" x14ac:dyDescent="0.25"/>
    <row r="159" ht="13.5" hidden="1" customHeight="1" x14ac:dyDescent="0.25"/>
    <row r="160" ht="13.5" hidden="1" customHeight="1" x14ac:dyDescent="0.25"/>
    <row r="161" ht="13.5" hidden="1" customHeight="1" x14ac:dyDescent="0.25"/>
    <row r="162" ht="13.5" hidden="1" customHeight="1" x14ac:dyDescent="0.25"/>
    <row r="163" ht="13.5" hidden="1" customHeight="1" x14ac:dyDescent="0.25"/>
    <row r="164" ht="13.5" hidden="1" customHeight="1" x14ac:dyDescent="0.25"/>
    <row r="165" ht="13.5" hidden="1" customHeight="1" x14ac:dyDescent="0.25"/>
    <row r="166" ht="13.5" hidden="1" customHeight="1" x14ac:dyDescent="0.25"/>
    <row r="167" ht="13.5" hidden="1" customHeight="1" x14ac:dyDescent="0.25"/>
    <row r="168" ht="13.5" hidden="1" customHeight="1" x14ac:dyDescent="0.25"/>
    <row r="169" ht="13.5" hidden="1" customHeight="1" x14ac:dyDescent="0.25"/>
    <row r="170" ht="13.5" hidden="1" customHeight="1" x14ac:dyDescent="0.25"/>
    <row r="171" ht="13.5" hidden="1" customHeight="1" x14ac:dyDescent="0.25"/>
    <row r="172" ht="13.5" hidden="1" customHeight="1" x14ac:dyDescent="0.25"/>
    <row r="173" ht="13.5" hidden="1" customHeight="1" x14ac:dyDescent="0.25"/>
    <row r="174" ht="13.5" hidden="1" customHeight="1" x14ac:dyDescent="0.25"/>
    <row r="175" ht="13.5" hidden="1" customHeight="1" x14ac:dyDescent="0.25"/>
    <row r="176" ht="13.5" hidden="1" customHeight="1" x14ac:dyDescent="0.25"/>
    <row r="177" ht="13.5" hidden="1" customHeight="1" x14ac:dyDescent="0.25"/>
    <row r="178" ht="13.5" hidden="1" customHeight="1" x14ac:dyDescent="0.25"/>
    <row r="179" ht="13.5" hidden="1" customHeight="1" x14ac:dyDescent="0.25"/>
    <row r="180" ht="13.5" hidden="1" customHeight="1" x14ac:dyDescent="0.25"/>
    <row r="181" ht="13.5" hidden="1" customHeight="1" x14ac:dyDescent="0.25"/>
    <row r="182" ht="13.5" hidden="1" customHeight="1" x14ac:dyDescent="0.25"/>
    <row r="183" ht="13.5" hidden="1" customHeight="1" x14ac:dyDescent="0.25"/>
    <row r="184" ht="13.5" hidden="1" customHeight="1" x14ac:dyDescent="0.25"/>
    <row r="185" ht="13.5" hidden="1" customHeight="1" x14ac:dyDescent="0.25"/>
    <row r="186" ht="13.5" hidden="1" customHeight="1" x14ac:dyDescent="0.25"/>
    <row r="187" ht="13.5" hidden="1" customHeight="1" x14ac:dyDescent="0.25"/>
    <row r="188" ht="13.5" hidden="1" customHeight="1" x14ac:dyDescent="0.25"/>
    <row r="189" ht="13.5" hidden="1" customHeight="1" x14ac:dyDescent="0.25"/>
    <row r="190" ht="13.5" hidden="1" customHeight="1" x14ac:dyDescent="0.25"/>
    <row r="191" ht="13.5" hidden="1" customHeight="1" x14ac:dyDescent="0.25"/>
    <row r="192" ht="13.5" hidden="1" customHeight="1" x14ac:dyDescent="0.25"/>
    <row r="193" ht="13.5" hidden="1" customHeight="1" x14ac:dyDescent="0.25"/>
    <row r="194" ht="13.5" hidden="1" customHeight="1" x14ac:dyDescent="0.25"/>
    <row r="195" ht="13.5" hidden="1" customHeight="1" x14ac:dyDescent="0.25"/>
    <row r="196" ht="13.5" hidden="1" customHeight="1" x14ac:dyDescent="0.25"/>
    <row r="197" ht="13.5" hidden="1" customHeight="1" x14ac:dyDescent="0.25"/>
    <row r="198" ht="13.5" hidden="1" customHeight="1" x14ac:dyDescent="0.25"/>
    <row r="199" ht="13.5" hidden="1" customHeight="1" x14ac:dyDescent="0.25"/>
    <row r="200" ht="13.5" hidden="1" customHeight="1" x14ac:dyDescent="0.25"/>
    <row r="201" ht="13.5" hidden="1" customHeight="1" x14ac:dyDescent="0.25"/>
    <row r="202" ht="13.5" hidden="1" customHeight="1" x14ac:dyDescent="0.25"/>
    <row r="203" ht="13.5" hidden="1" customHeight="1" x14ac:dyDescent="0.25"/>
    <row r="204" ht="13.5" hidden="1" customHeight="1" x14ac:dyDescent="0.25"/>
    <row r="205" ht="13.5" hidden="1" customHeight="1" x14ac:dyDescent="0.25"/>
    <row r="206" ht="13.5" hidden="1" customHeight="1" x14ac:dyDescent="0.25"/>
    <row r="207" ht="13.5" hidden="1" customHeight="1" x14ac:dyDescent="0.25"/>
    <row r="208" ht="13.5" hidden="1" customHeight="1" x14ac:dyDescent="0.25"/>
    <row r="209" ht="13.5" hidden="1" customHeight="1" x14ac:dyDescent="0.25"/>
    <row r="210" ht="13.5" hidden="1" customHeight="1" x14ac:dyDescent="0.25"/>
    <row r="211" ht="13.5" hidden="1" customHeight="1" x14ac:dyDescent="0.25"/>
    <row r="212" ht="13.5" hidden="1" customHeight="1" x14ac:dyDescent="0.25"/>
    <row r="213" ht="13.5" hidden="1" customHeight="1" x14ac:dyDescent="0.25"/>
    <row r="214" ht="13.5" hidden="1" customHeight="1" x14ac:dyDescent="0.25"/>
    <row r="215" ht="13.5" hidden="1" customHeight="1" x14ac:dyDescent="0.25"/>
    <row r="216" ht="13.5" hidden="1" customHeight="1" x14ac:dyDescent="0.25"/>
    <row r="217" ht="13.5" hidden="1" customHeight="1" x14ac:dyDescent="0.25"/>
    <row r="218" ht="13.5" hidden="1" customHeight="1" x14ac:dyDescent="0.25"/>
    <row r="219" ht="13.5" hidden="1" customHeight="1" x14ac:dyDescent="0.25"/>
    <row r="220" ht="13.5" hidden="1" customHeight="1" x14ac:dyDescent="0.25"/>
    <row r="221" ht="13.5" hidden="1" customHeight="1" x14ac:dyDescent="0.25"/>
    <row r="222" ht="13.5" hidden="1" customHeight="1" x14ac:dyDescent="0.25"/>
    <row r="223" ht="13.5" hidden="1" customHeight="1" x14ac:dyDescent="0.25"/>
    <row r="224" ht="13.5" hidden="1" customHeight="1" x14ac:dyDescent="0.25"/>
    <row r="225" ht="13.5" hidden="1" customHeight="1" x14ac:dyDescent="0.25"/>
    <row r="226" ht="13.5" hidden="1" customHeight="1" x14ac:dyDescent="0.25"/>
    <row r="227" ht="13.5" hidden="1" customHeight="1" x14ac:dyDescent="0.25"/>
    <row r="228" ht="13.5" hidden="1" customHeight="1" x14ac:dyDescent="0.25"/>
    <row r="229" ht="13.5" hidden="1" customHeight="1" x14ac:dyDescent="0.25"/>
    <row r="230" ht="13.5" hidden="1" customHeight="1" x14ac:dyDescent="0.25"/>
    <row r="231" ht="13.5" hidden="1" customHeight="1" x14ac:dyDescent="0.25"/>
    <row r="232" ht="13.5" hidden="1" customHeight="1" x14ac:dyDescent="0.25"/>
    <row r="233" ht="13.5" hidden="1" customHeight="1" x14ac:dyDescent="0.25"/>
    <row r="234" ht="13.5" hidden="1" customHeight="1" x14ac:dyDescent="0.25"/>
    <row r="235" ht="13.5" hidden="1" customHeight="1" x14ac:dyDescent="0.25"/>
    <row r="236" ht="13.5" hidden="1" customHeight="1" x14ac:dyDescent="0.25"/>
    <row r="237" ht="13.5" hidden="1" customHeight="1" x14ac:dyDescent="0.25"/>
    <row r="238" ht="13.5" hidden="1" customHeight="1" x14ac:dyDescent="0.25"/>
    <row r="239" ht="13.5" hidden="1" customHeight="1" x14ac:dyDescent="0.25"/>
    <row r="240" ht="13.5" hidden="1" customHeight="1" x14ac:dyDescent="0.25"/>
    <row r="241" ht="13.5" hidden="1" customHeight="1" x14ac:dyDescent="0.25"/>
    <row r="242" ht="13.5" hidden="1" customHeight="1" x14ac:dyDescent="0.25"/>
    <row r="243" ht="13.5" hidden="1" customHeight="1" x14ac:dyDescent="0.25"/>
    <row r="244" ht="13.5" hidden="1" customHeight="1" x14ac:dyDescent="0.25"/>
    <row r="245" ht="13.5" hidden="1" customHeight="1" x14ac:dyDescent="0.25"/>
    <row r="246" ht="13.5" hidden="1" customHeight="1" x14ac:dyDescent="0.25"/>
    <row r="247" ht="13.5" hidden="1" customHeight="1" x14ac:dyDescent="0.25"/>
    <row r="248" ht="13.5" hidden="1" customHeight="1" x14ac:dyDescent="0.25"/>
    <row r="249" ht="13.5" hidden="1" customHeight="1" x14ac:dyDescent="0.25"/>
    <row r="250" ht="13.5" hidden="1" customHeight="1" x14ac:dyDescent="0.25"/>
    <row r="251" ht="13.5" hidden="1" customHeight="1" x14ac:dyDescent="0.25"/>
    <row r="252" ht="13.5" hidden="1" customHeight="1" x14ac:dyDescent="0.25"/>
    <row r="253" ht="13.5" hidden="1" customHeight="1" x14ac:dyDescent="0.25"/>
    <row r="254" ht="13.5" hidden="1" customHeight="1" x14ac:dyDescent="0.25"/>
    <row r="255" ht="13.5" hidden="1" customHeight="1" x14ac:dyDescent="0.25"/>
    <row r="256" ht="13.5" hidden="1" customHeight="1" x14ac:dyDescent="0.25"/>
    <row r="257" ht="13.5" hidden="1" customHeight="1" x14ac:dyDescent="0.25"/>
    <row r="258" ht="13.5" hidden="1" customHeight="1" x14ac:dyDescent="0.25"/>
    <row r="259" ht="13.5" hidden="1" customHeight="1" x14ac:dyDescent="0.25"/>
    <row r="260" ht="13.5" hidden="1" customHeight="1" x14ac:dyDescent="0.25"/>
    <row r="261" ht="13.5" hidden="1" customHeight="1" x14ac:dyDescent="0.25"/>
    <row r="262" ht="13.5" hidden="1" customHeight="1" x14ac:dyDescent="0.25"/>
    <row r="263" ht="13.5" hidden="1" customHeight="1" x14ac:dyDescent="0.25"/>
    <row r="264" ht="13.5" hidden="1" customHeight="1" x14ac:dyDescent="0.25"/>
    <row r="265" ht="13.5" hidden="1" customHeight="1" x14ac:dyDescent="0.25"/>
    <row r="266" ht="13.5" hidden="1" customHeight="1" x14ac:dyDescent="0.25"/>
    <row r="267" ht="13.5" hidden="1" customHeight="1" x14ac:dyDescent="0.25"/>
    <row r="268" ht="13.5" hidden="1" customHeight="1" x14ac:dyDescent="0.25"/>
    <row r="269" ht="13.5" hidden="1" customHeight="1" x14ac:dyDescent="0.25"/>
    <row r="270" ht="13.5" hidden="1" customHeight="1" x14ac:dyDescent="0.25"/>
    <row r="271" ht="13.5" hidden="1" customHeight="1" x14ac:dyDescent="0.25"/>
    <row r="272" ht="13.5" hidden="1" customHeight="1" x14ac:dyDescent="0.25"/>
    <row r="273" ht="13.5" hidden="1" customHeight="1" x14ac:dyDescent="0.25"/>
    <row r="274" ht="13.5" hidden="1" customHeight="1" x14ac:dyDescent="0.25"/>
    <row r="275" ht="13.5" hidden="1" customHeight="1" x14ac:dyDescent="0.25"/>
    <row r="276" ht="13.5" hidden="1" customHeight="1" x14ac:dyDescent="0.25"/>
    <row r="277" ht="13.5" hidden="1" customHeight="1" x14ac:dyDescent="0.25"/>
    <row r="278" ht="13.5" hidden="1" customHeight="1" x14ac:dyDescent="0.25"/>
    <row r="279" ht="13.5" hidden="1" customHeight="1" x14ac:dyDescent="0.25"/>
    <row r="280" ht="13.5" hidden="1" customHeight="1" x14ac:dyDescent="0.25"/>
    <row r="281" ht="13.5" hidden="1" customHeight="1" x14ac:dyDescent="0.25"/>
    <row r="282" ht="13.5" hidden="1" customHeight="1" x14ac:dyDescent="0.25"/>
    <row r="283" ht="13.5" hidden="1" customHeight="1" x14ac:dyDescent="0.25"/>
    <row r="284" ht="13.5" hidden="1" customHeight="1" x14ac:dyDescent="0.25"/>
    <row r="285" ht="13.5" hidden="1" customHeight="1" x14ac:dyDescent="0.25"/>
    <row r="286" ht="13.5" hidden="1" customHeight="1" x14ac:dyDescent="0.25"/>
    <row r="287" ht="13.5" hidden="1" customHeight="1" x14ac:dyDescent="0.25"/>
    <row r="288" ht="13.5" hidden="1" customHeight="1" x14ac:dyDescent="0.25"/>
    <row r="289" ht="13.5" hidden="1" customHeight="1" x14ac:dyDescent="0.25"/>
    <row r="290" ht="13.5" hidden="1" customHeight="1" x14ac:dyDescent="0.25"/>
    <row r="291" ht="13.5" hidden="1" customHeight="1" x14ac:dyDescent="0.25"/>
    <row r="292" ht="13.5" hidden="1" customHeight="1" x14ac:dyDescent="0.25"/>
    <row r="293" ht="13.5" hidden="1" customHeight="1" x14ac:dyDescent="0.25"/>
    <row r="294" ht="13.5" hidden="1" customHeight="1" x14ac:dyDescent="0.25"/>
    <row r="295" ht="13.5" hidden="1" customHeight="1" x14ac:dyDescent="0.25"/>
    <row r="296" ht="13.5" hidden="1" customHeight="1" x14ac:dyDescent="0.25"/>
    <row r="297" ht="13.5" hidden="1" customHeight="1" x14ac:dyDescent="0.25"/>
    <row r="298" ht="13.5" hidden="1" customHeight="1" x14ac:dyDescent="0.25"/>
    <row r="299" ht="13.5" hidden="1" customHeight="1" x14ac:dyDescent="0.25"/>
    <row r="300" ht="13.5" hidden="1" customHeight="1" x14ac:dyDescent="0.25"/>
    <row r="301" ht="13.5" hidden="1" customHeight="1" x14ac:dyDescent="0.25"/>
    <row r="302" ht="13.5" hidden="1" customHeight="1" x14ac:dyDescent="0.25"/>
    <row r="303" ht="13.5" hidden="1" customHeight="1" x14ac:dyDescent="0.25"/>
    <row r="304" ht="13.5" hidden="1" customHeight="1" x14ac:dyDescent="0.25"/>
    <row r="305" ht="13.5" hidden="1" customHeight="1" x14ac:dyDescent="0.25"/>
    <row r="306" ht="13.5" hidden="1" customHeight="1" x14ac:dyDescent="0.25"/>
    <row r="307" ht="13.5" hidden="1" customHeight="1" x14ac:dyDescent="0.25"/>
    <row r="308" ht="13.5" hidden="1" customHeight="1" x14ac:dyDescent="0.25"/>
    <row r="309" ht="13.5" hidden="1" customHeight="1" x14ac:dyDescent="0.25"/>
    <row r="310" ht="13.5" hidden="1" customHeight="1" x14ac:dyDescent="0.25"/>
    <row r="311" ht="13.5" hidden="1" customHeight="1" x14ac:dyDescent="0.25"/>
    <row r="312" ht="13.5" hidden="1" customHeight="1" x14ac:dyDescent="0.25"/>
    <row r="313" ht="13.5" hidden="1" customHeight="1" x14ac:dyDescent="0.25"/>
    <row r="314" ht="13.5" hidden="1" customHeight="1" x14ac:dyDescent="0.25"/>
    <row r="315" ht="13.5" hidden="1" customHeight="1" x14ac:dyDescent="0.25"/>
    <row r="316" ht="13.5" hidden="1" customHeight="1" x14ac:dyDescent="0.25"/>
    <row r="317" ht="13.5" hidden="1" customHeight="1" x14ac:dyDescent="0.25"/>
    <row r="318" ht="13.5" hidden="1" customHeight="1" x14ac:dyDescent="0.25"/>
    <row r="319" ht="13.5" hidden="1" customHeight="1" x14ac:dyDescent="0.25"/>
    <row r="320" ht="13.5" hidden="1" customHeight="1" x14ac:dyDescent="0.25"/>
    <row r="321" ht="13.5" hidden="1" customHeight="1" x14ac:dyDescent="0.25"/>
    <row r="322" ht="13.5" hidden="1" customHeight="1" x14ac:dyDescent="0.25"/>
    <row r="323" ht="13.5" hidden="1" customHeight="1" x14ac:dyDescent="0.25"/>
    <row r="324" ht="13.5" hidden="1" customHeight="1" x14ac:dyDescent="0.25"/>
    <row r="325" ht="13.5" hidden="1" customHeight="1" x14ac:dyDescent="0.25"/>
    <row r="326" ht="13.5" hidden="1" customHeight="1" x14ac:dyDescent="0.25"/>
    <row r="327" ht="13.5" hidden="1" customHeight="1" x14ac:dyDescent="0.25"/>
    <row r="328" ht="13.5" hidden="1" customHeight="1" x14ac:dyDescent="0.25"/>
    <row r="329" ht="13.5" hidden="1" customHeight="1" x14ac:dyDescent="0.25"/>
    <row r="330" ht="13.5" hidden="1" customHeight="1" x14ac:dyDescent="0.25"/>
    <row r="331" ht="13.5" hidden="1" customHeight="1" x14ac:dyDescent="0.25"/>
    <row r="332" ht="13.5" hidden="1" customHeight="1" x14ac:dyDescent="0.25"/>
    <row r="333" ht="13.5" hidden="1" customHeight="1" x14ac:dyDescent="0.25"/>
    <row r="334" ht="13.5" hidden="1" customHeight="1" x14ac:dyDescent="0.25"/>
    <row r="335" ht="13.5" hidden="1" customHeight="1" x14ac:dyDescent="0.25"/>
    <row r="336" ht="13.5" hidden="1" customHeight="1" x14ac:dyDescent="0.25"/>
    <row r="337" ht="13.5" hidden="1" customHeight="1" x14ac:dyDescent="0.25"/>
    <row r="338" ht="13.5" hidden="1" customHeight="1" x14ac:dyDescent="0.25"/>
    <row r="339" ht="13.5" hidden="1" customHeight="1" x14ac:dyDescent="0.25"/>
    <row r="340" ht="13.5" hidden="1" customHeight="1" x14ac:dyDescent="0.25"/>
    <row r="341" ht="13.5" hidden="1" customHeight="1" x14ac:dyDescent="0.25"/>
    <row r="342" ht="13.5" hidden="1" customHeight="1" x14ac:dyDescent="0.25"/>
    <row r="343" ht="13.5" hidden="1" customHeight="1" x14ac:dyDescent="0.25"/>
    <row r="344" ht="13.5" hidden="1" customHeight="1" x14ac:dyDescent="0.25"/>
    <row r="345" ht="13.5" hidden="1" customHeight="1" x14ac:dyDescent="0.25"/>
    <row r="346" ht="13.5" hidden="1" customHeight="1" x14ac:dyDescent="0.25"/>
    <row r="347" ht="13.5" hidden="1" customHeight="1" x14ac:dyDescent="0.25"/>
    <row r="348" ht="13.5" hidden="1" customHeight="1" x14ac:dyDescent="0.25"/>
    <row r="349" ht="13.5" hidden="1" customHeight="1" x14ac:dyDescent="0.25"/>
    <row r="350" ht="13.5" hidden="1" customHeight="1" x14ac:dyDescent="0.25"/>
    <row r="351" ht="13.5" hidden="1" customHeight="1" x14ac:dyDescent="0.25"/>
    <row r="352" ht="13.5" hidden="1" customHeight="1" x14ac:dyDescent="0.25"/>
    <row r="353" ht="13.5" hidden="1" customHeight="1" x14ac:dyDescent="0.25"/>
    <row r="354" ht="13.5" hidden="1" customHeight="1" x14ac:dyDescent="0.25"/>
    <row r="355" ht="13.5" hidden="1" customHeight="1" x14ac:dyDescent="0.25"/>
    <row r="356" ht="13.5" hidden="1" customHeight="1" x14ac:dyDescent="0.25"/>
    <row r="357" ht="13.5" hidden="1" customHeight="1" x14ac:dyDescent="0.25"/>
    <row r="358" ht="13.5" hidden="1" customHeight="1" x14ac:dyDescent="0.25"/>
    <row r="359" ht="13.5" hidden="1" customHeight="1" x14ac:dyDescent="0.25"/>
    <row r="360" ht="13.5" hidden="1" customHeight="1" x14ac:dyDescent="0.25"/>
    <row r="361" ht="13.5" hidden="1" customHeight="1" x14ac:dyDescent="0.25"/>
    <row r="362" ht="13.5" hidden="1" customHeight="1" x14ac:dyDescent="0.25"/>
    <row r="363" ht="13.5" hidden="1" customHeight="1" x14ac:dyDescent="0.25"/>
    <row r="364" ht="13.5" hidden="1" customHeight="1" x14ac:dyDescent="0.25"/>
    <row r="365" ht="13.5" hidden="1" customHeight="1" x14ac:dyDescent="0.25"/>
    <row r="366" ht="13.5" hidden="1" customHeight="1" x14ac:dyDescent="0.25"/>
    <row r="367" ht="13.5" hidden="1" customHeight="1" x14ac:dyDescent="0.25"/>
    <row r="368" ht="13.5" hidden="1" customHeight="1" x14ac:dyDescent="0.25"/>
    <row r="369" ht="13.5" hidden="1" customHeight="1" x14ac:dyDescent="0.25"/>
    <row r="370" ht="13.5" hidden="1" customHeight="1" x14ac:dyDescent="0.25"/>
    <row r="371" ht="13.5" hidden="1" customHeight="1" x14ac:dyDescent="0.25"/>
    <row r="372" ht="13.5" hidden="1" customHeight="1" x14ac:dyDescent="0.25"/>
    <row r="373" ht="13.5" hidden="1" customHeight="1" x14ac:dyDescent="0.25"/>
    <row r="374" ht="13.5" hidden="1" customHeight="1" x14ac:dyDescent="0.25"/>
    <row r="375" ht="13.5" hidden="1" customHeight="1" x14ac:dyDescent="0.25"/>
    <row r="376" ht="13.5" hidden="1" customHeight="1" x14ac:dyDescent="0.25"/>
    <row r="377" ht="13.5" hidden="1" customHeight="1" x14ac:dyDescent="0.25"/>
    <row r="378" ht="13.5" hidden="1" customHeight="1" x14ac:dyDescent="0.25"/>
    <row r="379" ht="13.5" hidden="1" customHeight="1" x14ac:dyDescent="0.25"/>
    <row r="380" ht="13.5" hidden="1" customHeight="1" x14ac:dyDescent="0.25"/>
    <row r="381" ht="13.5" hidden="1" customHeight="1" x14ac:dyDescent="0.25"/>
    <row r="382" ht="13.5" hidden="1" customHeight="1" x14ac:dyDescent="0.25"/>
    <row r="383" ht="13.5" hidden="1" customHeight="1" x14ac:dyDescent="0.25"/>
    <row r="384" ht="13.5" hidden="1" customHeight="1" x14ac:dyDescent="0.25"/>
    <row r="385" ht="13.5" hidden="1" customHeight="1" x14ac:dyDescent="0.25"/>
    <row r="386" ht="13.5" hidden="1" customHeight="1" x14ac:dyDescent="0.25"/>
    <row r="387" ht="13.5" hidden="1" customHeight="1" x14ac:dyDescent="0.25"/>
    <row r="388" ht="13.5" hidden="1" customHeight="1" x14ac:dyDescent="0.25"/>
    <row r="389" ht="13.5" hidden="1" customHeight="1" x14ac:dyDescent="0.25"/>
    <row r="390" ht="13.5" hidden="1" customHeight="1" x14ac:dyDescent="0.25"/>
    <row r="391" ht="13.5" hidden="1" customHeight="1" x14ac:dyDescent="0.25"/>
    <row r="392" ht="13.5" hidden="1" customHeight="1" x14ac:dyDescent="0.25"/>
    <row r="393" ht="13.5" hidden="1" customHeight="1" x14ac:dyDescent="0.25"/>
    <row r="394" ht="13.5" hidden="1" customHeight="1" x14ac:dyDescent="0.25"/>
    <row r="395" ht="13.5" hidden="1" customHeight="1" x14ac:dyDescent="0.25"/>
    <row r="396" ht="13.5" hidden="1" customHeight="1" x14ac:dyDescent="0.25"/>
    <row r="397" ht="13.5" hidden="1" customHeight="1" x14ac:dyDescent="0.25"/>
    <row r="398" ht="13.5" hidden="1" customHeight="1" x14ac:dyDescent="0.25"/>
    <row r="399" ht="13.5" hidden="1" customHeight="1" x14ac:dyDescent="0.25"/>
    <row r="400" ht="13.5" hidden="1" customHeight="1" x14ac:dyDescent="0.25"/>
    <row r="401" ht="13.5" hidden="1" customHeight="1" x14ac:dyDescent="0.25"/>
    <row r="402" ht="13.5" hidden="1" customHeight="1" x14ac:dyDescent="0.25"/>
    <row r="403" ht="13.5" hidden="1" customHeight="1" x14ac:dyDescent="0.25"/>
    <row r="404" ht="13.5" hidden="1" customHeight="1" x14ac:dyDescent="0.25"/>
    <row r="405" ht="13.5" hidden="1" customHeight="1" x14ac:dyDescent="0.25"/>
    <row r="406" ht="13.5" hidden="1" customHeight="1" x14ac:dyDescent="0.25"/>
    <row r="407" ht="13.5" hidden="1" customHeight="1" x14ac:dyDescent="0.25"/>
    <row r="408" ht="13.5" hidden="1" customHeight="1" x14ac:dyDescent="0.25"/>
    <row r="409" ht="13.5" hidden="1" customHeight="1" x14ac:dyDescent="0.25"/>
    <row r="410" ht="13.5" hidden="1" customHeight="1" x14ac:dyDescent="0.25"/>
    <row r="411" ht="13.5" hidden="1" customHeight="1" x14ac:dyDescent="0.25"/>
    <row r="412" ht="13.5" hidden="1" customHeight="1" x14ac:dyDescent="0.25"/>
    <row r="413" ht="13.5" hidden="1" customHeight="1" x14ac:dyDescent="0.25"/>
    <row r="414" ht="13.5" hidden="1" customHeight="1" x14ac:dyDescent="0.25"/>
    <row r="415" ht="13.5" hidden="1" customHeight="1" x14ac:dyDescent="0.25"/>
    <row r="416" ht="13.5" hidden="1" customHeight="1" x14ac:dyDescent="0.25"/>
    <row r="417" ht="13.5" hidden="1" customHeight="1" x14ac:dyDescent="0.25"/>
    <row r="418" ht="13.5" hidden="1" customHeight="1" x14ac:dyDescent="0.25"/>
    <row r="419" ht="13.5" hidden="1" customHeight="1" x14ac:dyDescent="0.25"/>
    <row r="420" ht="13.5" hidden="1" customHeight="1" x14ac:dyDescent="0.25"/>
    <row r="421" ht="13.5" hidden="1" customHeight="1" x14ac:dyDescent="0.25"/>
    <row r="422" ht="13.5" hidden="1" customHeight="1" x14ac:dyDescent="0.25"/>
    <row r="423" ht="13.5" hidden="1" customHeight="1" x14ac:dyDescent="0.25"/>
    <row r="424" ht="13.5" hidden="1" customHeight="1" x14ac:dyDescent="0.25"/>
    <row r="425" ht="13.5" hidden="1" customHeight="1" x14ac:dyDescent="0.25"/>
    <row r="426" ht="13.5" hidden="1" customHeight="1" x14ac:dyDescent="0.25"/>
    <row r="427" ht="13.5" hidden="1" customHeight="1" x14ac:dyDescent="0.25"/>
    <row r="428" ht="13.5" hidden="1" customHeight="1" x14ac:dyDescent="0.25"/>
    <row r="429" ht="13.5" hidden="1" customHeight="1" x14ac:dyDescent="0.25"/>
    <row r="430" ht="13.5" hidden="1" customHeight="1" x14ac:dyDescent="0.25"/>
    <row r="431" ht="13.5" hidden="1" customHeight="1" x14ac:dyDescent="0.25"/>
    <row r="432" ht="13.5" hidden="1" customHeight="1" x14ac:dyDescent="0.25"/>
    <row r="433" ht="13.5" hidden="1" customHeight="1" x14ac:dyDescent="0.25"/>
    <row r="434" ht="13.5" hidden="1" customHeight="1" x14ac:dyDescent="0.25"/>
    <row r="435" ht="13.5" hidden="1" customHeight="1" x14ac:dyDescent="0.25"/>
    <row r="436" ht="13.5" hidden="1" customHeight="1" x14ac:dyDescent="0.25"/>
    <row r="437" ht="13.5" hidden="1" customHeight="1" x14ac:dyDescent="0.25"/>
    <row r="438" ht="13.5" hidden="1" customHeight="1" x14ac:dyDescent="0.25"/>
    <row r="439" ht="13.5" hidden="1" customHeight="1" x14ac:dyDescent="0.25"/>
    <row r="440" ht="13.5" hidden="1" customHeight="1" x14ac:dyDescent="0.25"/>
    <row r="441" ht="13.5" hidden="1" customHeight="1" x14ac:dyDescent="0.25"/>
    <row r="442" ht="13.5" hidden="1" customHeight="1" x14ac:dyDescent="0.25"/>
    <row r="443" ht="13.5" hidden="1" customHeight="1" x14ac:dyDescent="0.25"/>
    <row r="444" ht="13.5" hidden="1" customHeight="1" x14ac:dyDescent="0.25"/>
    <row r="445" ht="13.5" hidden="1" customHeight="1" x14ac:dyDescent="0.25"/>
    <row r="446" ht="13.5" hidden="1" customHeight="1" x14ac:dyDescent="0.25"/>
    <row r="447" ht="13.5" hidden="1" customHeight="1" x14ac:dyDescent="0.25"/>
    <row r="448" ht="13.5" hidden="1" customHeight="1" x14ac:dyDescent="0.25"/>
    <row r="449" ht="13.5" hidden="1" customHeight="1" x14ac:dyDescent="0.25"/>
    <row r="450" ht="13.5" hidden="1" customHeight="1" x14ac:dyDescent="0.25"/>
    <row r="451" ht="13.5" hidden="1" customHeight="1" x14ac:dyDescent="0.25"/>
    <row r="452" ht="13.5" hidden="1" customHeight="1" x14ac:dyDescent="0.25"/>
    <row r="453" ht="13.5" hidden="1" customHeight="1" x14ac:dyDescent="0.25"/>
    <row r="454" ht="13.5" hidden="1" customHeight="1" x14ac:dyDescent="0.25"/>
    <row r="455" ht="13.5" hidden="1" customHeight="1" x14ac:dyDescent="0.25"/>
    <row r="456" ht="13.5" hidden="1" customHeight="1" x14ac:dyDescent="0.25"/>
    <row r="457" ht="13.5" hidden="1" customHeight="1" x14ac:dyDescent="0.25"/>
    <row r="458" ht="13.5" hidden="1" customHeight="1" x14ac:dyDescent="0.25"/>
    <row r="459" ht="13.5" hidden="1" customHeight="1" x14ac:dyDescent="0.25"/>
    <row r="460" ht="13.5" hidden="1" customHeight="1" x14ac:dyDescent="0.25"/>
    <row r="461" ht="13.5" hidden="1" customHeight="1" x14ac:dyDescent="0.25"/>
    <row r="462" ht="13.5" hidden="1" customHeight="1" x14ac:dyDescent="0.25"/>
    <row r="463" ht="13.5" hidden="1" customHeight="1" x14ac:dyDescent="0.25"/>
    <row r="464" ht="13.5" hidden="1" customHeight="1" x14ac:dyDescent="0.25"/>
    <row r="465" ht="13.5" hidden="1" customHeight="1" x14ac:dyDescent="0.25"/>
    <row r="466" ht="13.5" hidden="1" customHeight="1" x14ac:dyDescent="0.25"/>
    <row r="467" ht="13.5" hidden="1" customHeight="1" x14ac:dyDescent="0.25"/>
    <row r="468" ht="13.5" hidden="1" customHeight="1" x14ac:dyDescent="0.25"/>
    <row r="469" ht="13.5" hidden="1" customHeight="1" x14ac:dyDescent="0.25"/>
    <row r="470" ht="13.5" hidden="1" customHeight="1" x14ac:dyDescent="0.25"/>
    <row r="471" ht="13.5" hidden="1" customHeight="1" x14ac:dyDescent="0.25"/>
    <row r="472" ht="13.5" hidden="1" customHeight="1" x14ac:dyDescent="0.25"/>
    <row r="473" ht="13.5" hidden="1" customHeight="1" x14ac:dyDescent="0.25"/>
    <row r="474" ht="13.5" hidden="1" customHeight="1" x14ac:dyDescent="0.25"/>
    <row r="475" ht="13.5" hidden="1" customHeight="1" x14ac:dyDescent="0.25"/>
    <row r="476" ht="13.5" hidden="1" customHeight="1" x14ac:dyDescent="0.25"/>
    <row r="477" ht="13.5" hidden="1" customHeight="1" x14ac:dyDescent="0.25"/>
    <row r="478" ht="13.5" hidden="1" customHeight="1" x14ac:dyDescent="0.25"/>
    <row r="479" ht="13.5" hidden="1" customHeight="1" x14ac:dyDescent="0.25"/>
    <row r="480" ht="13.5" hidden="1" customHeight="1" x14ac:dyDescent="0.25"/>
    <row r="481" ht="13.5" hidden="1" customHeight="1" x14ac:dyDescent="0.25"/>
    <row r="482" ht="13.5" hidden="1" customHeight="1" x14ac:dyDescent="0.25"/>
    <row r="483" ht="13.5" hidden="1" customHeight="1" x14ac:dyDescent="0.25"/>
    <row r="484" ht="13.5" hidden="1" customHeight="1" x14ac:dyDescent="0.25"/>
    <row r="485" ht="13.5" hidden="1" customHeight="1" x14ac:dyDescent="0.25"/>
    <row r="486" ht="13.5" hidden="1" customHeight="1" x14ac:dyDescent="0.25"/>
    <row r="487" ht="13.5" hidden="1" customHeight="1" x14ac:dyDescent="0.25"/>
    <row r="488" ht="13.5" hidden="1" customHeight="1" x14ac:dyDescent="0.25"/>
    <row r="489" ht="13.5" hidden="1" customHeight="1" x14ac:dyDescent="0.25"/>
    <row r="490" ht="13.5" hidden="1" customHeight="1" x14ac:dyDescent="0.25"/>
    <row r="491" ht="13.5" hidden="1" customHeight="1" x14ac:dyDescent="0.25"/>
    <row r="492" ht="13.5" hidden="1" customHeight="1" x14ac:dyDescent="0.25"/>
    <row r="493" ht="13.5" hidden="1" customHeight="1" x14ac:dyDescent="0.25"/>
    <row r="494" ht="13.5" hidden="1" customHeight="1" x14ac:dyDescent="0.25"/>
    <row r="495" ht="13.5" hidden="1" customHeight="1" x14ac:dyDescent="0.25"/>
    <row r="496" ht="13.5" hidden="1" customHeight="1" x14ac:dyDescent="0.25"/>
    <row r="497" ht="13.5" hidden="1" customHeight="1" x14ac:dyDescent="0.25"/>
    <row r="498" ht="13.5" hidden="1" customHeight="1" x14ac:dyDescent="0.25"/>
    <row r="499" ht="13.5" hidden="1" customHeight="1" x14ac:dyDescent="0.25"/>
    <row r="500" ht="13.5" hidden="1" customHeight="1" x14ac:dyDescent="0.25"/>
    <row r="501" ht="13.5" hidden="1" customHeight="1" x14ac:dyDescent="0.25"/>
    <row r="502" ht="13.5" hidden="1" customHeight="1" x14ac:dyDescent="0.25"/>
    <row r="503" ht="13.5" hidden="1" customHeight="1" x14ac:dyDescent="0.25"/>
    <row r="504" ht="13.5" hidden="1" customHeight="1" x14ac:dyDescent="0.25"/>
    <row r="505" ht="13.5" hidden="1" customHeight="1" x14ac:dyDescent="0.25"/>
    <row r="506" ht="13.5" hidden="1" customHeight="1" x14ac:dyDescent="0.25"/>
    <row r="507" ht="13.5" hidden="1" customHeight="1" x14ac:dyDescent="0.25"/>
    <row r="508" ht="13.5" hidden="1" customHeight="1" x14ac:dyDescent="0.25"/>
    <row r="509" ht="13.5" hidden="1" customHeight="1" x14ac:dyDescent="0.25"/>
    <row r="510" ht="13.5" hidden="1" customHeight="1" x14ac:dyDescent="0.25"/>
    <row r="511" ht="13.5" hidden="1" customHeight="1" x14ac:dyDescent="0.25"/>
    <row r="512" ht="13.5" hidden="1" customHeight="1" x14ac:dyDescent="0.25"/>
    <row r="513" ht="13.5" hidden="1" customHeight="1" x14ac:dyDescent="0.25"/>
    <row r="514" ht="13.5" hidden="1" customHeight="1" x14ac:dyDescent="0.25"/>
    <row r="515" ht="13.5" hidden="1" customHeight="1" x14ac:dyDescent="0.25"/>
    <row r="516" ht="13.5" hidden="1" customHeight="1" x14ac:dyDescent="0.25"/>
    <row r="517" ht="13.5" hidden="1" customHeight="1" x14ac:dyDescent="0.25"/>
    <row r="518" ht="13.5" hidden="1" customHeight="1" x14ac:dyDescent="0.25"/>
    <row r="519" ht="13.5" hidden="1" customHeight="1" x14ac:dyDescent="0.25"/>
    <row r="520" ht="13.5" hidden="1" customHeight="1" x14ac:dyDescent="0.25"/>
    <row r="521" ht="13.5" hidden="1" customHeight="1" x14ac:dyDescent="0.25"/>
    <row r="522" ht="13.5" hidden="1" customHeight="1" x14ac:dyDescent="0.25"/>
    <row r="523" ht="13.5" hidden="1" customHeight="1" x14ac:dyDescent="0.25"/>
    <row r="524" ht="13.5" hidden="1" customHeight="1" x14ac:dyDescent="0.25"/>
    <row r="525" ht="13.5" hidden="1" customHeight="1" x14ac:dyDescent="0.25"/>
    <row r="526" ht="13.5" hidden="1" customHeight="1" x14ac:dyDescent="0.25"/>
    <row r="527" ht="13.5" hidden="1" customHeight="1" x14ac:dyDescent="0.25"/>
    <row r="528" ht="13.5" hidden="1" customHeight="1" x14ac:dyDescent="0.25"/>
    <row r="529" ht="13.5" hidden="1" customHeight="1" x14ac:dyDescent="0.25"/>
    <row r="530" ht="13.5" hidden="1" customHeight="1" x14ac:dyDescent="0.25"/>
    <row r="531" ht="13.5" hidden="1" customHeight="1" x14ac:dyDescent="0.25"/>
    <row r="532" ht="13.5" hidden="1" customHeight="1" x14ac:dyDescent="0.25"/>
    <row r="533" ht="13.5" hidden="1" customHeight="1" x14ac:dyDescent="0.25"/>
    <row r="534" ht="13.5" hidden="1" customHeight="1" x14ac:dyDescent="0.25"/>
    <row r="535" ht="13.5" hidden="1" customHeight="1" x14ac:dyDescent="0.25"/>
    <row r="536" ht="13.5" hidden="1" customHeight="1" x14ac:dyDescent="0.25"/>
    <row r="537" ht="13.5" hidden="1" customHeight="1" x14ac:dyDescent="0.25"/>
    <row r="538" ht="13.5" hidden="1" customHeight="1" x14ac:dyDescent="0.25"/>
    <row r="539" ht="13.5" hidden="1" customHeight="1" x14ac:dyDescent="0.25"/>
    <row r="540" ht="13.5" hidden="1" customHeight="1" x14ac:dyDescent="0.25"/>
    <row r="541" ht="13.5" hidden="1" customHeight="1" x14ac:dyDescent="0.25"/>
    <row r="542" ht="13.5" hidden="1" customHeight="1" x14ac:dyDescent="0.25"/>
    <row r="543" ht="13.5" hidden="1" customHeight="1" x14ac:dyDescent="0.25"/>
    <row r="544" ht="13.5" hidden="1" customHeight="1" x14ac:dyDescent="0.25"/>
    <row r="545" ht="13.5" hidden="1" customHeight="1" x14ac:dyDescent="0.25"/>
    <row r="546" ht="13.5" hidden="1" customHeight="1" x14ac:dyDescent="0.25"/>
    <row r="547" ht="13.5" hidden="1" customHeight="1" x14ac:dyDescent="0.25"/>
    <row r="548" ht="13.5" hidden="1" customHeight="1" x14ac:dyDescent="0.25"/>
    <row r="549" ht="13.5" hidden="1" customHeight="1" x14ac:dyDescent="0.25"/>
    <row r="550" ht="13.5" hidden="1" customHeight="1" x14ac:dyDescent="0.25"/>
    <row r="551" ht="13.5" hidden="1" customHeight="1" x14ac:dyDescent="0.25"/>
    <row r="552" ht="13.5" hidden="1" customHeight="1" x14ac:dyDescent="0.25"/>
    <row r="553" ht="13.5" hidden="1" customHeight="1" x14ac:dyDescent="0.25"/>
    <row r="554" ht="13.5" hidden="1" customHeight="1" x14ac:dyDescent="0.25"/>
    <row r="555" ht="13.5" hidden="1" customHeight="1" x14ac:dyDescent="0.25"/>
    <row r="556" ht="13.5" hidden="1" customHeight="1" x14ac:dyDescent="0.25"/>
    <row r="557" ht="13.5" hidden="1" customHeight="1" x14ac:dyDescent="0.25"/>
    <row r="558" ht="13.5" hidden="1" customHeight="1" x14ac:dyDescent="0.25"/>
    <row r="559" ht="13.5" hidden="1" customHeight="1" x14ac:dyDescent="0.25"/>
    <row r="560" ht="13.5" hidden="1" customHeight="1" x14ac:dyDescent="0.25"/>
    <row r="561" ht="13.5" hidden="1" customHeight="1" x14ac:dyDescent="0.25"/>
    <row r="562" ht="13.5" hidden="1" customHeight="1" x14ac:dyDescent="0.25"/>
    <row r="563" ht="13.5" hidden="1" customHeight="1" x14ac:dyDescent="0.25"/>
    <row r="564" ht="13.5" hidden="1" customHeight="1" x14ac:dyDescent="0.25"/>
    <row r="565" ht="13.5" hidden="1" customHeight="1" x14ac:dyDescent="0.25"/>
    <row r="566" ht="13.5" hidden="1" customHeight="1" x14ac:dyDescent="0.25"/>
    <row r="567" ht="13.5" hidden="1" customHeight="1" x14ac:dyDescent="0.25"/>
    <row r="568" ht="13.5" hidden="1" customHeight="1" x14ac:dyDescent="0.25"/>
    <row r="569" ht="13.5" hidden="1" customHeight="1" x14ac:dyDescent="0.25"/>
    <row r="570" ht="13.5" hidden="1" customHeight="1" x14ac:dyDescent="0.25"/>
    <row r="571" ht="13.5" hidden="1" customHeight="1" x14ac:dyDescent="0.25"/>
    <row r="572" ht="13.5" hidden="1" customHeight="1" x14ac:dyDescent="0.25"/>
    <row r="573" ht="13.5" hidden="1" customHeight="1" x14ac:dyDescent="0.25"/>
    <row r="574" ht="13.5" hidden="1" customHeight="1" x14ac:dyDescent="0.25"/>
    <row r="575" ht="13.5" hidden="1" customHeight="1" x14ac:dyDescent="0.25"/>
    <row r="576" ht="13.5" hidden="1" customHeight="1" x14ac:dyDescent="0.25"/>
    <row r="577" ht="13.5" hidden="1" customHeight="1" x14ac:dyDescent="0.25"/>
    <row r="578" ht="13.5" hidden="1" customHeight="1" x14ac:dyDescent="0.25"/>
    <row r="579" ht="13.5" hidden="1" customHeight="1" x14ac:dyDescent="0.25"/>
    <row r="580" ht="13.5" hidden="1" customHeight="1" x14ac:dyDescent="0.25"/>
    <row r="581" ht="13.5" hidden="1" customHeight="1" x14ac:dyDescent="0.25"/>
    <row r="582" ht="13.5" hidden="1" customHeight="1" x14ac:dyDescent="0.25"/>
    <row r="583" ht="13.5" hidden="1" customHeight="1" x14ac:dyDescent="0.25"/>
    <row r="584" ht="13.5" hidden="1" customHeight="1" x14ac:dyDescent="0.25"/>
    <row r="585" ht="13.5" hidden="1" customHeight="1" x14ac:dyDescent="0.25"/>
    <row r="586" ht="13.5" hidden="1" customHeight="1" x14ac:dyDescent="0.25"/>
    <row r="587" ht="13.5" hidden="1" customHeight="1" x14ac:dyDescent="0.25"/>
    <row r="588" ht="13.5" hidden="1" customHeight="1" x14ac:dyDescent="0.25"/>
    <row r="589" ht="13.5" hidden="1" customHeight="1" x14ac:dyDescent="0.25"/>
    <row r="590" ht="13.5" hidden="1" customHeight="1" x14ac:dyDescent="0.25"/>
    <row r="591" ht="13.5" hidden="1" customHeight="1" x14ac:dyDescent="0.25"/>
    <row r="592" ht="13.5" hidden="1" customHeight="1" x14ac:dyDescent="0.25"/>
    <row r="593" ht="13.5" hidden="1" customHeight="1" x14ac:dyDescent="0.25"/>
    <row r="594" ht="13.5" hidden="1" customHeight="1" x14ac:dyDescent="0.25"/>
    <row r="595" ht="13.5" hidden="1" customHeight="1" x14ac:dyDescent="0.25"/>
    <row r="596" ht="13.5" hidden="1" customHeight="1" x14ac:dyDescent="0.25"/>
    <row r="597" ht="13.5" hidden="1" customHeight="1" x14ac:dyDescent="0.25"/>
    <row r="598" ht="13.5" hidden="1" customHeight="1" x14ac:dyDescent="0.25"/>
    <row r="599" ht="13.5" hidden="1" customHeight="1" x14ac:dyDescent="0.25"/>
    <row r="600" ht="13.5" hidden="1" customHeight="1" x14ac:dyDescent="0.25"/>
    <row r="601" ht="13.5" hidden="1" customHeight="1" x14ac:dyDescent="0.25"/>
    <row r="602" ht="13.5" hidden="1" customHeight="1" x14ac:dyDescent="0.25"/>
    <row r="603" ht="13.5" hidden="1" customHeight="1" x14ac:dyDescent="0.25"/>
    <row r="604" ht="13.5" hidden="1" customHeight="1" x14ac:dyDescent="0.25"/>
    <row r="605" ht="13.5" hidden="1" customHeight="1" x14ac:dyDescent="0.25"/>
    <row r="606" ht="13.5" hidden="1" customHeight="1" x14ac:dyDescent="0.25"/>
    <row r="607" ht="13.5" hidden="1" customHeight="1" x14ac:dyDescent="0.25"/>
    <row r="608" ht="13.5" hidden="1" customHeight="1" x14ac:dyDescent="0.25"/>
    <row r="609" ht="13.5" hidden="1" customHeight="1" x14ac:dyDescent="0.25"/>
    <row r="610" ht="13.5" hidden="1" customHeight="1" x14ac:dyDescent="0.25"/>
    <row r="611" ht="13.5" hidden="1" customHeight="1" x14ac:dyDescent="0.25"/>
    <row r="612" ht="13.5" hidden="1" customHeight="1" x14ac:dyDescent="0.25"/>
    <row r="613" ht="13.5" hidden="1" customHeight="1" x14ac:dyDescent="0.25"/>
    <row r="614" ht="13.5" hidden="1" customHeight="1" x14ac:dyDescent="0.25"/>
    <row r="615" ht="13.5" hidden="1" customHeight="1" x14ac:dyDescent="0.25"/>
    <row r="616" ht="13.5" hidden="1" customHeight="1" x14ac:dyDescent="0.25"/>
    <row r="617" ht="13.5" hidden="1" customHeight="1" x14ac:dyDescent="0.25"/>
    <row r="618" ht="13.5" hidden="1" customHeight="1" x14ac:dyDescent="0.25"/>
    <row r="619" ht="13.5" hidden="1" customHeight="1" x14ac:dyDescent="0.25"/>
    <row r="620" ht="13.5" hidden="1" customHeight="1" x14ac:dyDescent="0.25"/>
    <row r="621" ht="13.5" hidden="1" customHeight="1" x14ac:dyDescent="0.25"/>
    <row r="622" ht="13.5" hidden="1" customHeight="1" x14ac:dyDescent="0.25"/>
    <row r="623" ht="13.5" hidden="1" customHeight="1" x14ac:dyDescent="0.25"/>
    <row r="624" ht="13.5" hidden="1" customHeight="1" x14ac:dyDescent="0.25"/>
    <row r="625" ht="13.5" hidden="1" customHeight="1" x14ac:dyDescent="0.25"/>
    <row r="626" ht="13.5" hidden="1" customHeight="1" x14ac:dyDescent="0.25"/>
    <row r="627" ht="13.5" hidden="1" customHeight="1" x14ac:dyDescent="0.25"/>
    <row r="628" ht="13.5" hidden="1" customHeight="1" x14ac:dyDescent="0.25"/>
    <row r="629" ht="13.5" hidden="1" customHeight="1" x14ac:dyDescent="0.25"/>
    <row r="630" ht="13.5" hidden="1" customHeight="1" x14ac:dyDescent="0.25"/>
    <row r="631" ht="13.5" hidden="1" customHeight="1" x14ac:dyDescent="0.25"/>
    <row r="632" ht="13.5" hidden="1" customHeight="1" x14ac:dyDescent="0.25"/>
    <row r="633" ht="13.5" hidden="1" customHeight="1" x14ac:dyDescent="0.25"/>
    <row r="634" ht="13.5" hidden="1" customHeight="1" x14ac:dyDescent="0.25"/>
    <row r="635" ht="13.5" hidden="1" customHeight="1" x14ac:dyDescent="0.25"/>
    <row r="636" ht="13.5" hidden="1" customHeight="1" x14ac:dyDescent="0.25"/>
    <row r="637" ht="13.5" hidden="1" customHeight="1" x14ac:dyDescent="0.25"/>
    <row r="638" ht="13.5" hidden="1" customHeight="1" x14ac:dyDescent="0.25"/>
    <row r="639" ht="13.5" hidden="1" customHeight="1" x14ac:dyDescent="0.25"/>
    <row r="640" ht="13.5" hidden="1" customHeight="1" x14ac:dyDescent="0.25"/>
    <row r="641" ht="13.5" hidden="1" customHeight="1" x14ac:dyDescent="0.25"/>
    <row r="642" ht="13.5" hidden="1" customHeight="1" x14ac:dyDescent="0.25"/>
    <row r="643" ht="13.5" hidden="1" customHeight="1" x14ac:dyDescent="0.25"/>
    <row r="644" ht="13.5" hidden="1" customHeight="1" x14ac:dyDescent="0.25"/>
    <row r="645" ht="13.5" hidden="1" customHeight="1" x14ac:dyDescent="0.25"/>
    <row r="646" ht="13.5" hidden="1" customHeight="1" x14ac:dyDescent="0.25"/>
    <row r="647" ht="13.5" hidden="1" customHeight="1" x14ac:dyDescent="0.25"/>
    <row r="648" ht="13.5" hidden="1" customHeight="1" x14ac:dyDescent="0.25"/>
    <row r="649" ht="13.5" hidden="1" customHeight="1" x14ac:dyDescent="0.25"/>
    <row r="650" ht="13.5" hidden="1" customHeight="1" x14ac:dyDescent="0.25"/>
    <row r="651" ht="13.5" hidden="1" customHeight="1" x14ac:dyDescent="0.25"/>
    <row r="652" ht="13.5" hidden="1" customHeight="1" x14ac:dyDescent="0.25"/>
    <row r="653" ht="13.5" hidden="1" customHeight="1" x14ac:dyDescent="0.25"/>
    <row r="654" ht="13.5" hidden="1" customHeight="1" x14ac:dyDescent="0.25"/>
    <row r="655" ht="13.5" hidden="1" customHeight="1" x14ac:dyDescent="0.25"/>
    <row r="656" ht="13.5" hidden="1" customHeight="1" x14ac:dyDescent="0.25"/>
    <row r="657" ht="13.5" hidden="1" customHeight="1" x14ac:dyDescent="0.25"/>
    <row r="658" ht="13.5" hidden="1" customHeight="1" x14ac:dyDescent="0.25"/>
    <row r="659" ht="13.5" hidden="1" customHeight="1" x14ac:dyDescent="0.25"/>
    <row r="660" ht="13.5" hidden="1" customHeight="1" x14ac:dyDescent="0.25"/>
    <row r="661" ht="13.5" hidden="1" customHeight="1" x14ac:dyDescent="0.25"/>
    <row r="662" ht="13.5" hidden="1" customHeight="1" x14ac:dyDescent="0.25"/>
    <row r="663" ht="13.5" hidden="1" customHeight="1" x14ac:dyDescent="0.25"/>
    <row r="664" ht="13.5" hidden="1" customHeight="1" x14ac:dyDescent="0.25"/>
    <row r="665" ht="13.5" hidden="1" customHeight="1" x14ac:dyDescent="0.25"/>
    <row r="666" ht="13.5" hidden="1" customHeight="1" x14ac:dyDescent="0.25"/>
    <row r="667" ht="13.5" hidden="1" customHeight="1" x14ac:dyDescent="0.25"/>
    <row r="668" ht="13.5" hidden="1" customHeight="1" x14ac:dyDescent="0.25"/>
    <row r="669" ht="13.5" hidden="1" customHeight="1" x14ac:dyDescent="0.25"/>
    <row r="670" ht="13.5" hidden="1" customHeight="1" x14ac:dyDescent="0.25"/>
    <row r="671" ht="13.5" hidden="1" customHeight="1" x14ac:dyDescent="0.25"/>
    <row r="672" ht="13.5" hidden="1" customHeight="1" x14ac:dyDescent="0.25"/>
    <row r="673" ht="13.5" hidden="1" customHeight="1" x14ac:dyDescent="0.25"/>
    <row r="674" ht="13.5" hidden="1" customHeight="1" x14ac:dyDescent="0.25"/>
    <row r="675" ht="13.5" hidden="1" customHeight="1" x14ac:dyDescent="0.25"/>
    <row r="676" ht="13.5" hidden="1" customHeight="1" x14ac:dyDescent="0.25"/>
    <row r="677" ht="13.5" hidden="1" customHeight="1" x14ac:dyDescent="0.25"/>
    <row r="678" ht="13.5" hidden="1" customHeight="1" x14ac:dyDescent="0.25"/>
    <row r="679" ht="13.5" hidden="1" customHeight="1" x14ac:dyDescent="0.25"/>
    <row r="680" ht="13.5" hidden="1" customHeight="1" x14ac:dyDescent="0.25"/>
    <row r="681" ht="13.5" hidden="1" customHeight="1" x14ac:dyDescent="0.25"/>
    <row r="682" ht="13.5" hidden="1" customHeight="1" x14ac:dyDescent="0.25"/>
    <row r="683" ht="13.5" hidden="1" customHeight="1" x14ac:dyDescent="0.25"/>
    <row r="684" ht="13.5" hidden="1" customHeight="1" x14ac:dyDescent="0.25"/>
    <row r="685" ht="13.5" hidden="1" customHeight="1" x14ac:dyDescent="0.25"/>
    <row r="686" ht="13.5" hidden="1" customHeight="1" x14ac:dyDescent="0.25"/>
    <row r="687" ht="13.5" hidden="1" customHeight="1" x14ac:dyDescent="0.25"/>
    <row r="688" ht="13.5" hidden="1" customHeight="1" x14ac:dyDescent="0.25"/>
    <row r="689" ht="13.5" hidden="1" customHeight="1" x14ac:dyDescent="0.25"/>
    <row r="690" ht="13.5" hidden="1" customHeight="1" x14ac:dyDescent="0.25"/>
    <row r="691" ht="13.5" hidden="1" customHeight="1" x14ac:dyDescent="0.25"/>
    <row r="692" ht="13.5" hidden="1" customHeight="1" x14ac:dyDescent="0.25"/>
    <row r="693" ht="13.5" hidden="1" customHeight="1" x14ac:dyDescent="0.25"/>
    <row r="694" ht="13.5" hidden="1" customHeight="1" x14ac:dyDescent="0.25"/>
    <row r="695" ht="13.5" hidden="1" customHeight="1" x14ac:dyDescent="0.25"/>
    <row r="696" ht="13.5" hidden="1" customHeight="1" x14ac:dyDescent="0.25"/>
    <row r="697" ht="13.5" hidden="1" customHeight="1" x14ac:dyDescent="0.25"/>
    <row r="698" ht="13.5" hidden="1" customHeight="1" x14ac:dyDescent="0.25"/>
    <row r="699" ht="13.5" hidden="1" customHeight="1" x14ac:dyDescent="0.25"/>
    <row r="700" ht="13.5" hidden="1" customHeight="1" x14ac:dyDescent="0.25"/>
    <row r="701" ht="13.5" hidden="1" customHeight="1" x14ac:dyDescent="0.25"/>
    <row r="702" ht="13.5" hidden="1" customHeight="1" x14ac:dyDescent="0.25"/>
    <row r="703" ht="13.5" hidden="1" customHeight="1" x14ac:dyDescent="0.25"/>
    <row r="704" ht="13.5" hidden="1" customHeight="1" x14ac:dyDescent="0.25"/>
    <row r="705" ht="13.5" hidden="1" customHeight="1" x14ac:dyDescent="0.25"/>
    <row r="706" ht="13.5" hidden="1" customHeight="1" x14ac:dyDescent="0.25"/>
    <row r="707" ht="13.5" hidden="1" customHeight="1" x14ac:dyDescent="0.25"/>
    <row r="708" ht="13.5" hidden="1" customHeight="1" x14ac:dyDescent="0.25"/>
    <row r="709" ht="13.5" hidden="1" customHeight="1" x14ac:dyDescent="0.25"/>
    <row r="710" ht="13.5" hidden="1" customHeight="1" x14ac:dyDescent="0.25"/>
    <row r="711" ht="13.5" hidden="1" customHeight="1" x14ac:dyDescent="0.25"/>
    <row r="712" ht="13.5" hidden="1" customHeight="1" x14ac:dyDescent="0.25"/>
    <row r="713" ht="13.5" hidden="1" customHeight="1" x14ac:dyDescent="0.25"/>
    <row r="714" ht="13.5" hidden="1" customHeight="1" x14ac:dyDescent="0.25"/>
    <row r="715" ht="13.5" hidden="1" customHeight="1" x14ac:dyDescent="0.25"/>
    <row r="716" ht="13.5" hidden="1" customHeight="1" x14ac:dyDescent="0.25"/>
    <row r="717" ht="13.5" hidden="1" customHeight="1" x14ac:dyDescent="0.25"/>
    <row r="718" ht="13.5" hidden="1" customHeight="1" x14ac:dyDescent="0.25"/>
    <row r="719" ht="13.5" hidden="1" customHeight="1" x14ac:dyDescent="0.25"/>
    <row r="720" ht="13.5" hidden="1" customHeight="1" x14ac:dyDescent="0.25"/>
    <row r="721" ht="13.5" hidden="1" customHeight="1" x14ac:dyDescent="0.25"/>
    <row r="722" ht="13.5" hidden="1" customHeight="1" x14ac:dyDescent="0.25"/>
    <row r="723" ht="13.5" hidden="1" customHeight="1" x14ac:dyDescent="0.25"/>
    <row r="724" ht="13.5" hidden="1" customHeight="1" x14ac:dyDescent="0.25"/>
    <row r="725" ht="13.5" hidden="1" customHeight="1" x14ac:dyDescent="0.25"/>
    <row r="726" ht="13.5" hidden="1" customHeight="1" x14ac:dyDescent="0.25"/>
    <row r="727" ht="13.5" hidden="1" customHeight="1" x14ac:dyDescent="0.25"/>
    <row r="728" ht="13.5" hidden="1" customHeight="1" x14ac:dyDescent="0.25"/>
    <row r="729" ht="13.5" hidden="1" customHeight="1" x14ac:dyDescent="0.25"/>
    <row r="730" ht="13.5" hidden="1" customHeight="1" x14ac:dyDescent="0.25"/>
    <row r="731" ht="13.5" hidden="1" customHeight="1" x14ac:dyDescent="0.25"/>
    <row r="732" ht="13.5" hidden="1" customHeight="1" x14ac:dyDescent="0.25"/>
    <row r="733" ht="13.5" hidden="1" customHeight="1" x14ac:dyDescent="0.25"/>
    <row r="734" ht="13.5" hidden="1" customHeight="1" x14ac:dyDescent="0.25"/>
    <row r="735" ht="13.5" hidden="1" customHeight="1" x14ac:dyDescent="0.25"/>
    <row r="736" ht="13.5" hidden="1" customHeight="1" x14ac:dyDescent="0.25"/>
    <row r="737" ht="13.5" hidden="1" customHeight="1" x14ac:dyDescent="0.25"/>
    <row r="738" ht="13.5" hidden="1" customHeight="1" x14ac:dyDescent="0.25"/>
    <row r="739" ht="13.5" hidden="1" customHeight="1" x14ac:dyDescent="0.25"/>
    <row r="740" ht="13.5" hidden="1" customHeight="1" x14ac:dyDescent="0.25"/>
    <row r="741" ht="13.5" hidden="1" customHeight="1" x14ac:dyDescent="0.25"/>
    <row r="742" ht="13.5" hidden="1" customHeight="1" x14ac:dyDescent="0.25"/>
    <row r="743" ht="13.5" hidden="1" customHeight="1" x14ac:dyDescent="0.25"/>
    <row r="744" ht="13.5" hidden="1" customHeight="1" x14ac:dyDescent="0.25"/>
    <row r="745" ht="13.5" hidden="1" customHeight="1" x14ac:dyDescent="0.25"/>
    <row r="746" ht="13.5" hidden="1" customHeight="1" x14ac:dyDescent="0.25"/>
    <row r="747" ht="13.5" hidden="1" customHeight="1" x14ac:dyDescent="0.25"/>
    <row r="748" ht="13.5" hidden="1" customHeight="1" x14ac:dyDescent="0.25"/>
    <row r="749" ht="13.5" hidden="1" customHeight="1" x14ac:dyDescent="0.25"/>
    <row r="750" ht="13.5" hidden="1" customHeight="1" x14ac:dyDescent="0.25"/>
    <row r="751" ht="13.5" hidden="1" customHeight="1" x14ac:dyDescent="0.25"/>
    <row r="752" ht="13.5" hidden="1" customHeight="1" x14ac:dyDescent="0.25"/>
    <row r="753" ht="13.5" hidden="1" customHeight="1" x14ac:dyDescent="0.25"/>
    <row r="754" ht="13.5" hidden="1" customHeight="1" x14ac:dyDescent="0.25"/>
    <row r="755" ht="13.5" hidden="1" customHeight="1" x14ac:dyDescent="0.25"/>
    <row r="756" ht="13.5" hidden="1" customHeight="1" x14ac:dyDescent="0.25"/>
    <row r="757" ht="13.5" hidden="1" customHeight="1" x14ac:dyDescent="0.25"/>
    <row r="758" ht="13.5" hidden="1" customHeight="1" x14ac:dyDescent="0.25"/>
    <row r="759" ht="13.5" hidden="1" customHeight="1" x14ac:dyDescent="0.25"/>
    <row r="760" ht="13.5" hidden="1" customHeight="1" x14ac:dyDescent="0.25"/>
    <row r="761" ht="13.5" hidden="1" customHeight="1" x14ac:dyDescent="0.25"/>
    <row r="762" ht="13.5" hidden="1" customHeight="1" x14ac:dyDescent="0.25"/>
    <row r="763" ht="13.5" hidden="1" customHeight="1" x14ac:dyDescent="0.25"/>
    <row r="764" ht="13.5" hidden="1" customHeight="1" x14ac:dyDescent="0.25"/>
    <row r="765" ht="13.5" hidden="1" customHeight="1" x14ac:dyDescent="0.25"/>
    <row r="766" ht="13.5" hidden="1" customHeight="1" x14ac:dyDescent="0.25"/>
    <row r="767" ht="13.5" hidden="1" customHeight="1" x14ac:dyDescent="0.25"/>
    <row r="768" ht="13.5" hidden="1" customHeight="1" x14ac:dyDescent="0.25"/>
    <row r="769" ht="13.5" hidden="1" customHeight="1" x14ac:dyDescent="0.25"/>
    <row r="770" ht="13.5" hidden="1" customHeight="1" x14ac:dyDescent="0.25"/>
    <row r="771" ht="13.5" hidden="1" customHeight="1" x14ac:dyDescent="0.25"/>
    <row r="772" ht="13.5" hidden="1" customHeight="1" x14ac:dyDescent="0.25"/>
    <row r="773" ht="13.5" hidden="1" customHeight="1" x14ac:dyDescent="0.25"/>
    <row r="774" ht="13.5" hidden="1" customHeight="1" x14ac:dyDescent="0.25"/>
    <row r="775" ht="13.5" hidden="1" customHeight="1" x14ac:dyDescent="0.25"/>
    <row r="776" ht="13.5" hidden="1" customHeight="1" x14ac:dyDescent="0.25"/>
    <row r="777" ht="13.5" hidden="1" customHeight="1" x14ac:dyDescent="0.25"/>
    <row r="778" ht="13.5" hidden="1" customHeight="1" x14ac:dyDescent="0.25"/>
    <row r="779" ht="13.5" hidden="1" customHeight="1" x14ac:dyDescent="0.25"/>
    <row r="780" ht="13.5" hidden="1" customHeight="1" x14ac:dyDescent="0.25"/>
    <row r="781" ht="13.5" hidden="1" customHeight="1" x14ac:dyDescent="0.25"/>
    <row r="782" ht="13.5" hidden="1" customHeight="1" x14ac:dyDescent="0.25"/>
    <row r="783" ht="13.5" hidden="1" customHeight="1" x14ac:dyDescent="0.25"/>
    <row r="784" ht="13.5" hidden="1" customHeight="1" x14ac:dyDescent="0.25"/>
    <row r="785" ht="13.5" hidden="1" customHeight="1" x14ac:dyDescent="0.25"/>
    <row r="786" ht="13.5" hidden="1" customHeight="1" x14ac:dyDescent="0.25"/>
    <row r="787" ht="13.5" hidden="1" customHeight="1" x14ac:dyDescent="0.25"/>
    <row r="788" ht="13.5" hidden="1" customHeight="1" x14ac:dyDescent="0.25"/>
    <row r="789" ht="13.5" hidden="1" customHeight="1" x14ac:dyDescent="0.25"/>
    <row r="790" ht="13.5" hidden="1" customHeight="1" x14ac:dyDescent="0.25"/>
    <row r="791" ht="13.5" hidden="1" customHeight="1" x14ac:dyDescent="0.25"/>
    <row r="792" ht="13.5" hidden="1" customHeight="1" x14ac:dyDescent="0.25"/>
    <row r="793" ht="13.5" hidden="1" customHeight="1" x14ac:dyDescent="0.25"/>
    <row r="794" ht="13.5" hidden="1" customHeight="1" x14ac:dyDescent="0.25"/>
    <row r="795" ht="13.5" hidden="1" customHeight="1" x14ac:dyDescent="0.25"/>
    <row r="796" ht="13.5" hidden="1" customHeight="1" x14ac:dyDescent="0.25"/>
    <row r="797" ht="13.5" hidden="1" customHeight="1" x14ac:dyDescent="0.25"/>
    <row r="798" ht="13.5" hidden="1" customHeight="1" x14ac:dyDescent="0.25"/>
    <row r="799" ht="13.5" hidden="1" customHeight="1" x14ac:dyDescent="0.25"/>
    <row r="800" ht="13.5" hidden="1" customHeight="1" x14ac:dyDescent="0.25"/>
    <row r="801" ht="13.5" hidden="1" customHeight="1" x14ac:dyDescent="0.25"/>
    <row r="802" ht="13.5" hidden="1" customHeight="1" x14ac:dyDescent="0.25"/>
    <row r="803" ht="13.5" hidden="1" customHeight="1" x14ac:dyDescent="0.25"/>
    <row r="804" ht="13.5" hidden="1" customHeight="1" x14ac:dyDescent="0.25"/>
    <row r="805" ht="13.5" hidden="1" customHeight="1" x14ac:dyDescent="0.25"/>
    <row r="806" ht="13.5" hidden="1" customHeight="1" x14ac:dyDescent="0.25"/>
    <row r="807" ht="13.5" hidden="1" customHeight="1" x14ac:dyDescent="0.25"/>
    <row r="808" ht="13.5" hidden="1" customHeight="1" x14ac:dyDescent="0.25"/>
    <row r="809" ht="13.5" hidden="1" customHeight="1" x14ac:dyDescent="0.25"/>
    <row r="810" ht="13.5" hidden="1" customHeight="1" x14ac:dyDescent="0.25"/>
    <row r="811" ht="13.5" hidden="1" customHeight="1" x14ac:dyDescent="0.25"/>
    <row r="812" ht="13.5" hidden="1" customHeight="1" x14ac:dyDescent="0.25"/>
    <row r="813" ht="13.5" hidden="1" customHeight="1" x14ac:dyDescent="0.25"/>
    <row r="814" ht="13.5" hidden="1" customHeight="1" x14ac:dyDescent="0.25"/>
    <row r="815" ht="13.5" hidden="1" customHeight="1" x14ac:dyDescent="0.25"/>
    <row r="816" ht="13.5" hidden="1" customHeight="1" x14ac:dyDescent="0.25"/>
    <row r="817" ht="13.5" hidden="1" customHeight="1" x14ac:dyDescent="0.25"/>
    <row r="818" ht="13.5" hidden="1" customHeight="1" x14ac:dyDescent="0.25"/>
    <row r="819" ht="13.5" hidden="1" customHeight="1" x14ac:dyDescent="0.25"/>
    <row r="820" ht="13.5" hidden="1" customHeight="1" x14ac:dyDescent="0.25"/>
    <row r="821" ht="13.5" hidden="1" customHeight="1" x14ac:dyDescent="0.25"/>
    <row r="822" ht="13.5" hidden="1" customHeight="1" x14ac:dyDescent="0.25"/>
    <row r="823" ht="13.5" hidden="1" customHeight="1" x14ac:dyDescent="0.25"/>
    <row r="824" ht="13.5" hidden="1" customHeight="1" x14ac:dyDescent="0.25"/>
    <row r="825" ht="13.5" hidden="1" customHeight="1" x14ac:dyDescent="0.25"/>
    <row r="826" ht="13.5" hidden="1" customHeight="1" x14ac:dyDescent="0.25"/>
    <row r="827" ht="13.5" hidden="1" customHeight="1" x14ac:dyDescent="0.25"/>
    <row r="828" ht="13.5" hidden="1" customHeight="1" x14ac:dyDescent="0.25"/>
    <row r="829" ht="13.5" hidden="1" customHeight="1" x14ac:dyDescent="0.25"/>
    <row r="830" ht="13.5" hidden="1" customHeight="1" x14ac:dyDescent="0.25"/>
    <row r="831" ht="13.5" hidden="1" customHeight="1" x14ac:dyDescent="0.25"/>
    <row r="832" ht="13.5" hidden="1" customHeight="1" x14ac:dyDescent="0.25"/>
    <row r="833" ht="13.5" hidden="1" customHeight="1" x14ac:dyDescent="0.25"/>
    <row r="834" ht="13.5" hidden="1" customHeight="1" x14ac:dyDescent="0.25"/>
    <row r="835" ht="13.5" hidden="1" customHeight="1" x14ac:dyDescent="0.25"/>
    <row r="836" ht="13.5" hidden="1" customHeight="1" x14ac:dyDescent="0.25"/>
    <row r="837" ht="13.5" hidden="1" customHeight="1" x14ac:dyDescent="0.25"/>
    <row r="838" ht="13.5" hidden="1" customHeight="1" x14ac:dyDescent="0.25"/>
    <row r="839" ht="13.5" hidden="1" customHeight="1" x14ac:dyDescent="0.25"/>
    <row r="840" ht="13.5" hidden="1" customHeight="1" x14ac:dyDescent="0.25"/>
    <row r="841" ht="13.5" hidden="1" customHeight="1" x14ac:dyDescent="0.25"/>
    <row r="842" ht="13.5" hidden="1" customHeight="1" x14ac:dyDescent="0.25"/>
    <row r="843" ht="13.5" hidden="1" customHeight="1" x14ac:dyDescent="0.25"/>
    <row r="844" ht="13.5" hidden="1" customHeight="1" x14ac:dyDescent="0.25"/>
    <row r="845" ht="13.5" hidden="1" customHeight="1" x14ac:dyDescent="0.25"/>
    <row r="846" ht="13.5" hidden="1" customHeight="1" x14ac:dyDescent="0.25"/>
    <row r="847" ht="13.5" hidden="1" customHeight="1" x14ac:dyDescent="0.25"/>
    <row r="848" ht="13.5" hidden="1" customHeight="1" x14ac:dyDescent="0.25"/>
    <row r="849" ht="13.5" hidden="1" customHeight="1" x14ac:dyDescent="0.25"/>
    <row r="850" ht="13.5" hidden="1" customHeight="1" x14ac:dyDescent="0.25"/>
    <row r="851" ht="13.5" hidden="1" customHeight="1" x14ac:dyDescent="0.25"/>
    <row r="852" ht="13.5" hidden="1" customHeight="1" x14ac:dyDescent="0.25"/>
    <row r="853" ht="13.5" hidden="1" customHeight="1" x14ac:dyDescent="0.25"/>
    <row r="854" ht="13.5" hidden="1" customHeight="1" x14ac:dyDescent="0.25"/>
    <row r="855" ht="13.5" hidden="1" customHeight="1" x14ac:dyDescent="0.25"/>
    <row r="856" ht="13.5" hidden="1" customHeight="1" x14ac:dyDescent="0.25"/>
    <row r="857" ht="13.5" hidden="1" customHeight="1" x14ac:dyDescent="0.25"/>
    <row r="858" ht="13.5" hidden="1" customHeight="1" x14ac:dyDescent="0.25"/>
    <row r="859" ht="13.5" hidden="1" customHeight="1" x14ac:dyDescent="0.25"/>
    <row r="860" ht="13.5" hidden="1" customHeight="1" x14ac:dyDescent="0.25"/>
    <row r="861" ht="13.5" hidden="1" customHeight="1" x14ac:dyDescent="0.25"/>
    <row r="862" ht="13.5" hidden="1" customHeight="1" x14ac:dyDescent="0.25"/>
    <row r="863" ht="13.5" hidden="1" customHeight="1" x14ac:dyDescent="0.25"/>
    <row r="864" ht="13.5" hidden="1" customHeight="1" x14ac:dyDescent="0.25"/>
    <row r="865" ht="13.5" hidden="1" customHeight="1" x14ac:dyDescent="0.25"/>
    <row r="866" ht="13.5" hidden="1" customHeight="1" x14ac:dyDescent="0.25"/>
    <row r="867" ht="13.5" hidden="1" customHeight="1" x14ac:dyDescent="0.25"/>
    <row r="868" ht="13.5" hidden="1" customHeight="1" x14ac:dyDescent="0.25"/>
    <row r="869" ht="13.5" hidden="1" customHeight="1" x14ac:dyDescent="0.25"/>
    <row r="870" ht="13.5" hidden="1" customHeight="1" x14ac:dyDescent="0.25"/>
    <row r="871" ht="13.5" hidden="1" customHeight="1" x14ac:dyDescent="0.25"/>
    <row r="872" ht="13.5" hidden="1" customHeight="1" x14ac:dyDescent="0.25"/>
    <row r="873" ht="13.5" hidden="1" customHeight="1" x14ac:dyDescent="0.25"/>
    <row r="874" ht="13.5" hidden="1" customHeight="1" x14ac:dyDescent="0.25"/>
    <row r="875" ht="13.5" hidden="1" customHeight="1" x14ac:dyDescent="0.25"/>
    <row r="876" ht="13.5" hidden="1" customHeight="1" x14ac:dyDescent="0.25"/>
    <row r="877" ht="13.5" hidden="1" customHeight="1" x14ac:dyDescent="0.25"/>
    <row r="878" ht="13.5" hidden="1" customHeight="1" x14ac:dyDescent="0.25"/>
    <row r="879" ht="13.5" hidden="1" customHeight="1" x14ac:dyDescent="0.25"/>
    <row r="880" ht="13.5" hidden="1" customHeight="1" x14ac:dyDescent="0.25"/>
    <row r="881" ht="13.5" hidden="1" customHeight="1" x14ac:dyDescent="0.25"/>
    <row r="882" ht="13.5" hidden="1" customHeight="1" x14ac:dyDescent="0.25"/>
    <row r="883" ht="13.5" hidden="1" customHeight="1" x14ac:dyDescent="0.25"/>
    <row r="884" ht="13.5" hidden="1" customHeight="1" x14ac:dyDescent="0.25"/>
    <row r="885" ht="13.5" hidden="1" customHeight="1" x14ac:dyDescent="0.25"/>
    <row r="886" ht="13.5" hidden="1" customHeight="1" x14ac:dyDescent="0.25"/>
    <row r="887" ht="13.5" hidden="1" customHeight="1" x14ac:dyDescent="0.25"/>
    <row r="888" ht="13.5" hidden="1" customHeight="1" x14ac:dyDescent="0.25"/>
    <row r="889" ht="13.5" hidden="1" customHeight="1" x14ac:dyDescent="0.25"/>
    <row r="890" ht="13.5" hidden="1" customHeight="1" x14ac:dyDescent="0.25"/>
    <row r="891" ht="13.5" hidden="1" customHeight="1" x14ac:dyDescent="0.25"/>
    <row r="892" ht="13.5" hidden="1" customHeight="1" x14ac:dyDescent="0.25"/>
    <row r="893" ht="13.5" hidden="1" customHeight="1" x14ac:dyDescent="0.25"/>
    <row r="894" ht="13.5" hidden="1" customHeight="1" x14ac:dyDescent="0.25"/>
    <row r="895" ht="13.5" hidden="1" customHeight="1" x14ac:dyDescent="0.25"/>
    <row r="896" ht="13.5" hidden="1" customHeight="1" x14ac:dyDescent="0.25"/>
    <row r="897" ht="13.5" hidden="1" customHeight="1" x14ac:dyDescent="0.25"/>
    <row r="898" ht="13.5" hidden="1" customHeight="1" x14ac:dyDescent="0.25"/>
    <row r="899" ht="13.5" hidden="1" customHeight="1" x14ac:dyDescent="0.25"/>
    <row r="900" ht="13.5" hidden="1" customHeight="1" x14ac:dyDescent="0.25"/>
    <row r="901" ht="13.5" hidden="1" customHeight="1" x14ac:dyDescent="0.25"/>
    <row r="902" ht="13.5" hidden="1" customHeight="1" x14ac:dyDescent="0.25"/>
    <row r="903" ht="13.5" hidden="1" customHeight="1" x14ac:dyDescent="0.25"/>
    <row r="904" ht="13.5" hidden="1" customHeight="1" x14ac:dyDescent="0.25"/>
    <row r="905" ht="13.5" hidden="1" customHeight="1" x14ac:dyDescent="0.25"/>
    <row r="906" ht="13.5" hidden="1" customHeight="1" x14ac:dyDescent="0.25"/>
    <row r="907" ht="13.5" hidden="1" customHeight="1" x14ac:dyDescent="0.25"/>
    <row r="908" ht="13.5" hidden="1" customHeight="1" x14ac:dyDescent="0.25"/>
    <row r="909" ht="13.5" hidden="1" customHeight="1" x14ac:dyDescent="0.25"/>
    <row r="910" ht="13.5" hidden="1" customHeight="1" x14ac:dyDescent="0.25"/>
    <row r="911" ht="13.5" hidden="1" customHeight="1" x14ac:dyDescent="0.25"/>
    <row r="912" ht="13.5" hidden="1" customHeight="1" x14ac:dyDescent="0.25"/>
    <row r="913" ht="13.5" hidden="1" customHeight="1" x14ac:dyDescent="0.25"/>
    <row r="914" ht="13.5" hidden="1" customHeight="1" x14ac:dyDescent="0.25"/>
    <row r="915" ht="13.5" hidden="1" customHeight="1" x14ac:dyDescent="0.25"/>
    <row r="916" ht="13.5" hidden="1" customHeight="1" x14ac:dyDescent="0.25"/>
    <row r="917" ht="13.5" hidden="1" customHeight="1" x14ac:dyDescent="0.25"/>
    <row r="918" ht="13.5" hidden="1" customHeight="1" x14ac:dyDescent="0.25"/>
    <row r="919" ht="13.5" hidden="1" customHeight="1" x14ac:dyDescent="0.25"/>
    <row r="920" ht="13.5" hidden="1" customHeight="1" x14ac:dyDescent="0.25"/>
    <row r="921" ht="13.5" hidden="1" customHeight="1" x14ac:dyDescent="0.25"/>
    <row r="922" ht="13.5" hidden="1" customHeight="1" x14ac:dyDescent="0.25"/>
    <row r="923" ht="13.5" hidden="1" customHeight="1" x14ac:dyDescent="0.25"/>
    <row r="924" ht="13.5" hidden="1" customHeight="1" x14ac:dyDescent="0.25"/>
    <row r="925" ht="13.5" hidden="1" customHeight="1" x14ac:dyDescent="0.25"/>
    <row r="926" ht="13.5" hidden="1" customHeight="1" x14ac:dyDescent="0.25"/>
    <row r="927" ht="13.5" hidden="1" customHeight="1" x14ac:dyDescent="0.25"/>
    <row r="928" ht="13.5" hidden="1" customHeight="1" x14ac:dyDescent="0.25"/>
    <row r="929" ht="13.5" hidden="1" customHeight="1" x14ac:dyDescent="0.25"/>
    <row r="930" ht="13.5" hidden="1" customHeight="1" x14ac:dyDescent="0.25"/>
    <row r="931" ht="13.5" hidden="1" customHeight="1" x14ac:dyDescent="0.25"/>
    <row r="932" ht="13.5" hidden="1" customHeight="1" x14ac:dyDescent="0.25"/>
    <row r="933" ht="13.5" hidden="1" customHeight="1" x14ac:dyDescent="0.25"/>
    <row r="934" ht="13.5" hidden="1" customHeight="1" x14ac:dyDescent="0.25"/>
    <row r="935" ht="13.5" hidden="1" customHeight="1" x14ac:dyDescent="0.25"/>
    <row r="936" ht="13.5" hidden="1" customHeight="1" x14ac:dyDescent="0.25"/>
    <row r="937" ht="13.5" hidden="1" customHeight="1" x14ac:dyDescent="0.25"/>
    <row r="938" ht="13.5" hidden="1" customHeight="1" x14ac:dyDescent="0.25"/>
    <row r="939" ht="13.5" hidden="1" customHeight="1" x14ac:dyDescent="0.25"/>
    <row r="940" ht="13.5" hidden="1" customHeight="1" x14ac:dyDescent="0.25"/>
    <row r="941" ht="13.5" hidden="1" customHeight="1" x14ac:dyDescent="0.25"/>
    <row r="942" ht="13.5" hidden="1" customHeight="1" x14ac:dyDescent="0.25"/>
    <row r="943" ht="13.5" hidden="1" customHeight="1" x14ac:dyDescent="0.25"/>
    <row r="944" ht="13.5" hidden="1" customHeight="1" x14ac:dyDescent="0.25"/>
    <row r="945" ht="13.5" hidden="1" customHeight="1" x14ac:dyDescent="0.25"/>
    <row r="946" ht="13.5" hidden="1" customHeight="1" x14ac:dyDescent="0.25"/>
    <row r="947" ht="13.5" hidden="1" customHeight="1" x14ac:dyDescent="0.25"/>
    <row r="948" ht="13.5" hidden="1" customHeight="1" x14ac:dyDescent="0.25"/>
    <row r="949" ht="13.5" hidden="1" customHeight="1" x14ac:dyDescent="0.25"/>
    <row r="950" ht="13.5" hidden="1" customHeight="1" x14ac:dyDescent="0.25"/>
    <row r="951" ht="13.5" hidden="1" customHeight="1" x14ac:dyDescent="0.25"/>
    <row r="952" ht="13.5" hidden="1" customHeight="1" x14ac:dyDescent="0.25"/>
    <row r="953" ht="13.5" hidden="1" customHeight="1" x14ac:dyDescent="0.25"/>
    <row r="954" ht="13.5" hidden="1" customHeight="1" x14ac:dyDescent="0.25"/>
    <row r="955" ht="13.5" hidden="1" customHeight="1" x14ac:dyDescent="0.25"/>
    <row r="956" ht="13.5" hidden="1" customHeight="1" x14ac:dyDescent="0.25"/>
    <row r="957" ht="13.5" hidden="1" customHeight="1" x14ac:dyDescent="0.25"/>
    <row r="958" ht="13.5" hidden="1" customHeight="1" x14ac:dyDescent="0.25"/>
    <row r="959" ht="13.5" hidden="1" customHeight="1" x14ac:dyDescent="0.25"/>
    <row r="960" ht="13.5" hidden="1" customHeight="1" x14ac:dyDescent="0.25"/>
    <row r="961" ht="13.5" hidden="1" customHeight="1" x14ac:dyDescent="0.25"/>
    <row r="962" ht="13.5" hidden="1" customHeight="1" x14ac:dyDescent="0.25"/>
    <row r="963" ht="13.5" hidden="1" customHeight="1" x14ac:dyDescent="0.25"/>
    <row r="964" ht="13.5" hidden="1" customHeight="1" x14ac:dyDescent="0.25"/>
    <row r="965" ht="13.5" hidden="1" customHeight="1" x14ac:dyDescent="0.25"/>
    <row r="966" ht="13.5" hidden="1" customHeight="1" x14ac:dyDescent="0.25"/>
    <row r="967" ht="13.5" hidden="1" customHeight="1" x14ac:dyDescent="0.25"/>
    <row r="968" ht="13.5" hidden="1" customHeight="1" x14ac:dyDescent="0.25"/>
    <row r="969" ht="13.5" hidden="1" customHeight="1" x14ac:dyDescent="0.25"/>
    <row r="970" ht="13.5" hidden="1" customHeight="1" x14ac:dyDescent="0.25"/>
    <row r="971" ht="13.5" hidden="1" customHeight="1" x14ac:dyDescent="0.25"/>
    <row r="972" ht="13.5" hidden="1" customHeight="1" x14ac:dyDescent="0.25"/>
    <row r="973" ht="13.5" hidden="1" customHeight="1" x14ac:dyDescent="0.25"/>
    <row r="974" ht="13.5" hidden="1" customHeight="1" x14ac:dyDescent="0.25"/>
    <row r="975" ht="13.5" hidden="1" customHeight="1" x14ac:dyDescent="0.25"/>
    <row r="976" ht="13.5" hidden="1" customHeight="1" x14ac:dyDescent="0.25"/>
    <row r="977" ht="13.5" hidden="1" customHeight="1" x14ac:dyDescent="0.25"/>
    <row r="978" ht="13.5" hidden="1" customHeight="1" x14ac:dyDescent="0.25"/>
    <row r="979" ht="13.5" hidden="1" customHeight="1" x14ac:dyDescent="0.25"/>
    <row r="980" ht="13.5" hidden="1" customHeight="1" x14ac:dyDescent="0.25"/>
    <row r="981" ht="13.5" hidden="1" customHeight="1" x14ac:dyDescent="0.25"/>
    <row r="982" ht="13.5" hidden="1" customHeight="1" x14ac:dyDescent="0.25"/>
    <row r="983" ht="13.5" hidden="1" customHeight="1" x14ac:dyDescent="0.25"/>
    <row r="984" ht="13.5" hidden="1" customHeight="1" x14ac:dyDescent="0.25"/>
    <row r="985" ht="13.5" hidden="1" customHeight="1" x14ac:dyDescent="0.25"/>
    <row r="986" ht="13.5" hidden="1" customHeight="1" x14ac:dyDescent="0.25"/>
    <row r="987" ht="13.5" hidden="1" customHeight="1" x14ac:dyDescent="0.25"/>
    <row r="988" ht="13.5" hidden="1" customHeight="1" x14ac:dyDescent="0.25"/>
    <row r="989" ht="13.5" hidden="1" customHeight="1" x14ac:dyDescent="0.25"/>
    <row r="990" ht="13.5" hidden="1" customHeight="1" x14ac:dyDescent="0.25"/>
    <row r="991" ht="13.5" hidden="1" customHeight="1" x14ac:dyDescent="0.25"/>
    <row r="992" ht="13.5" hidden="1" customHeight="1" x14ac:dyDescent="0.25"/>
    <row r="993" ht="13.5" hidden="1" customHeight="1" x14ac:dyDescent="0.25"/>
    <row r="994" ht="13.5" hidden="1" customHeight="1" x14ac:dyDescent="0.25"/>
    <row r="995" ht="13.5" hidden="1" customHeight="1" x14ac:dyDescent="0.25"/>
    <row r="996" ht="13.5" hidden="1" customHeight="1" x14ac:dyDescent="0.25"/>
    <row r="997" ht="13.5" hidden="1" customHeight="1" x14ac:dyDescent="0.25"/>
    <row r="998" ht="13.5" hidden="1" customHeight="1" x14ac:dyDescent="0.25"/>
    <row r="999" ht="13.5" hidden="1" customHeight="1" x14ac:dyDescent="0.25"/>
    <row r="1000" ht="13.5" hidden="1" customHeight="1" x14ac:dyDescent="0.25"/>
  </sheetData>
  <mergeCells count="15">
    <mergeCell ref="A31:B31"/>
    <mergeCell ref="D31:E31"/>
    <mergeCell ref="A1:A9"/>
    <mergeCell ref="B1:E4"/>
    <mergeCell ref="B5:E9"/>
    <mergeCell ref="A10:E10"/>
    <mergeCell ref="A11:B11"/>
    <mergeCell ref="C11:C37"/>
    <mergeCell ref="D11:E11"/>
    <mergeCell ref="A32:B32"/>
    <mergeCell ref="D12:E16"/>
    <mergeCell ref="D17:E17"/>
    <mergeCell ref="A21:B21"/>
    <mergeCell ref="A22:B22"/>
    <mergeCell ref="D24:E24"/>
  </mergeCells>
  <pageMargins left="0.7" right="0.7" top="0.75" bottom="0.75" header="0" footer="0"/>
  <pageSetup paperSize="9" orientation="portrait"/>
  <drawing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100-000000000000}">
  <sheetPr>
    <tabColor rgb="FFFF0000"/>
  </sheetPr>
  <dimension ref="A1:Z1000"/>
  <sheetViews>
    <sheetView workbookViewId="0">
      <selection sqref="A1:F4"/>
    </sheetView>
  </sheetViews>
  <sheetFormatPr defaultColWidth="0" defaultRowHeight="15" customHeight="1" zeroHeight="1" x14ac:dyDescent="0.25"/>
  <cols>
    <col min="1" max="1" width="4.8984375" customWidth="1"/>
    <col min="2" max="2" width="20.59765625" customWidth="1"/>
    <col min="3" max="4" width="34.5" customWidth="1"/>
    <col min="5" max="5" width="14.3984375" customWidth="1"/>
    <col min="6" max="6" width="10.3984375" customWidth="1"/>
    <col min="7" max="26" width="8.59765625" hidden="1" customWidth="1"/>
    <col min="27" max="16384" width="12.59765625" hidden="1"/>
  </cols>
  <sheetData>
    <row r="1" spans="1:6" ht="14.25" customHeight="1" x14ac:dyDescent="0.25">
      <c r="A1" s="81" t="s">
        <v>50</v>
      </c>
      <c r="B1" s="82"/>
      <c r="C1" s="82"/>
      <c r="D1" s="82"/>
      <c r="E1" s="82"/>
      <c r="F1" s="83"/>
    </row>
    <row r="2" spans="1:6" ht="14.25" customHeight="1" x14ac:dyDescent="0.25">
      <c r="A2" s="84"/>
      <c r="B2" s="62"/>
      <c r="C2" s="62"/>
      <c r="D2" s="62"/>
      <c r="E2" s="62"/>
      <c r="F2" s="85"/>
    </row>
    <row r="3" spans="1:6" ht="14.25" customHeight="1" x14ac:dyDescent="0.25">
      <c r="A3" s="84"/>
      <c r="B3" s="62"/>
      <c r="C3" s="62"/>
      <c r="D3" s="62"/>
      <c r="E3" s="62"/>
      <c r="F3" s="85"/>
    </row>
    <row r="4" spans="1:6" ht="15" customHeight="1" x14ac:dyDescent="0.25">
      <c r="A4" s="86"/>
      <c r="B4" s="87"/>
      <c r="C4" s="87"/>
      <c r="D4" s="87"/>
      <c r="E4" s="87"/>
      <c r="F4" s="88"/>
    </row>
    <row r="5" spans="1:6" ht="13.5" customHeight="1" x14ac:dyDescent="0.25">
      <c r="B5" s="89"/>
      <c r="C5" s="78"/>
      <c r="D5" s="78"/>
      <c r="E5" s="78"/>
      <c r="F5" s="78"/>
    </row>
    <row r="6" spans="1:6" ht="13.5" customHeight="1" x14ac:dyDescent="0.3">
      <c r="A6" s="79" t="s">
        <v>51</v>
      </c>
      <c r="B6" s="78"/>
      <c r="C6" s="78"/>
      <c r="D6" s="78"/>
      <c r="E6" s="78"/>
      <c r="F6" s="80"/>
    </row>
    <row r="7" spans="1:6" ht="13.5" customHeight="1" x14ac:dyDescent="0.3">
      <c r="A7" s="29"/>
      <c r="B7" s="30" t="s">
        <v>52</v>
      </c>
      <c r="C7" s="30" t="s">
        <v>53</v>
      </c>
      <c r="D7" s="30" t="s">
        <v>54</v>
      </c>
      <c r="E7" s="31" t="s">
        <v>55</v>
      </c>
      <c r="F7" s="30" t="s">
        <v>56</v>
      </c>
    </row>
    <row r="8" spans="1:6" ht="13.5" customHeight="1" x14ac:dyDescent="0.3">
      <c r="A8" s="32">
        <v>1</v>
      </c>
      <c r="B8" s="32" t="s">
        <v>51</v>
      </c>
      <c r="C8" s="32"/>
      <c r="D8" s="32"/>
      <c r="E8" s="33"/>
      <c r="F8" s="32"/>
    </row>
    <row r="9" spans="1:6" ht="13.5" customHeight="1" x14ac:dyDescent="0.3">
      <c r="A9" s="32">
        <v>2</v>
      </c>
      <c r="B9" s="32" t="s">
        <v>51</v>
      </c>
      <c r="C9" s="32"/>
      <c r="D9" s="32"/>
      <c r="E9" s="33"/>
      <c r="F9" s="32"/>
    </row>
    <row r="10" spans="1:6" ht="13.5" customHeight="1" x14ac:dyDescent="0.3">
      <c r="A10" s="34"/>
      <c r="B10" s="77"/>
      <c r="C10" s="78"/>
      <c r="D10" s="78"/>
      <c r="E10" s="78"/>
      <c r="F10" s="78"/>
    </row>
    <row r="11" spans="1:6" ht="13.5" customHeight="1" x14ac:dyDescent="0.3">
      <c r="A11" s="79" t="s">
        <v>57</v>
      </c>
      <c r="B11" s="78"/>
      <c r="C11" s="78"/>
      <c r="D11" s="78"/>
      <c r="E11" s="78"/>
      <c r="F11" s="80"/>
    </row>
    <row r="12" spans="1:6" ht="13.5" customHeight="1" x14ac:dyDescent="0.3">
      <c r="A12" s="29"/>
      <c r="B12" s="30" t="s">
        <v>52</v>
      </c>
      <c r="C12" s="30" t="s">
        <v>53</v>
      </c>
      <c r="D12" s="30" t="s">
        <v>54</v>
      </c>
      <c r="E12" s="31" t="s">
        <v>55</v>
      </c>
      <c r="F12" s="30" t="s">
        <v>56</v>
      </c>
    </row>
    <row r="13" spans="1:6" ht="13.5" customHeight="1" x14ac:dyDescent="0.3">
      <c r="A13" s="32">
        <v>1</v>
      </c>
      <c r="B13" s="32" t="s">
        <v>57</v>
      </c>
      <c r="C13" s="32"/>
      <c r="D13" s="32"/>
      <c r="E13" s="33"/>
      <c r="F13" s="32"/>
    </row>
    <row r="14" spans="1:6" ht="13.5" customHeight="1" x14ac:dyDescent="0.3">
      <c r="A14" s="32">
        <v>2</v>
      </c>
      <c r="B14" s="32" t="s">
        <v>57</v>
      </c>
      <c r="C14" s="32"/>
      <c r="D14" s="32"/>
      <c r="E14" s="33"/>
      <c r="F14" s="32"/>
    </row>
    <row r="15" spans="1:6" ht="13.5" customHeight="1" x14ac:dyDescent="0.3">
      <c r="A15" s="34"/>
      <c r="B15" s="77"/>
      <c r="C15" s="78"/>
      <c r="D15" s="78"/>
      <c r="E15" s="78"/>
      <c r="F15" s="78"/>
    </row>
    <row r="16" spans="1:6" ht="13.5" customHeight="1" x14ac:dyDescent="0.3">
      <c r="A16" s="79" t="s">
        <v>58</v>
      </c>
      <c r="B16" s="78"/>
      <c r="C16" s="78"/>
      <c r="D16" s="78"/>
      <c r="E16" s="78"/>
      <c r="F16" s="80"/>
    </row>
    <row r="17" spans="1:6" ht="13.5" customHeight="1" x14ac:dyDescent="0.3">
      <c r="A17" s="29"/>
      <c r="B17" s="30" t="s">
        <v>52</v>
      </c>
      <c r="C17" s="30" t="s">
        <v>53</v>
      </c>
      <c r="D17" s="30" t="s">
        <v>54</v>
      </c>
      <c r="E17" s="31" t="s">
        <v>55</v>
      </c>
      <c r="F17" s="30" t="s">
        <v>56</v>
      </c>
    </row>
    <row r="18" spans="1:6" ht="13.5" customHeight="1" x14ac:dyDescent="0.3">
      <c r="A18" s="32">
        <v>1</v>
      </c>
      <c r="B18" s="32" t="s">
        <v>58</v>
      </c>
      <c r="C18" s="32"/>
      <c r="D18" s="32"/>
      <c r="E18" s="33"/>
      <c r="F18" s="32"/>
    </row>
    <row r="19" spans="1:6" ht="13.5" customHeight="1" x14ac:dyDescent="0.3">
      <c r="A19" s="32">
        <v>2</v>
      </c>
      <c r="B19" s="32" t="s">
        <v>58</v>
      </c>
      <c r="C19" s="32"/>
      <c r="D19" s="32"/>
      <c r="E19" s="33"/>
      <c r="F19" s="32"/>
    </row>
    <row r="20" spans="1:6" ht="13.5" customHeight="1" x14ac:dyDescent="0.3">
      <c r="A20" s="34"/>
      <c r="B20" s="77"/>
      <c r="C20" s="78"/>
      <c r="D20" s="78"/>
      <c r="E20" s="78"/>
      <c r="F20" s="78"/>
    </row>
    <row r="21" spans="1:6" ht="13.5" customHeight="1" x14ac:dyDescent="0.3">
      <c r="A21" s="79" t="s">
        <v>59</v>
      </c>
      <c r="B21" s="78"/>
      <c r="C21" s="78"/>
      <c r="D21" s="78"/>
      <c r="E21" s="78"/>
      <c r="F21" s="80"/>
    </row>
    <row r="22" spans="1:6" ht="13.5" customHeight="1" x14ac:dyDescent="0.3">
      <c r="A22" s="29"/>
      <c r="B22" s="30" t="s">
        <v>52</v>
      </c>
      <c r="C22" s="30" t="s">
        <v>53</v>
      </c>
      <c r="D22" s="30" t="s">
        <v>54</v>
      </c>
      <c r="E22" s="31" t="s">
        <v>55</v>
      </c>
      <c r="F22" s="30" t="s">
        <v>56</v>
      </c>
    </row>
    <row r="23" spans="1:6" ht="13.5" customHeight="1" x14ac:dyDescent="0.3">
      <c r="A23" s="32">
        <v>1</v>
      </c>
      <c r="B23" s="32" t="s">
        <v>59</v>
      </c>
      <c r="C23" s="32"/>
      <c r="D23" s="32"/>
      <c r="E23" s="33"/>
      <c r="F23" s="35"/>
    </row>
    <row r="24" spans="1:6" ht="13.5" customHeight="1" x14ac:dyDescent="0.3">
      <c r="A24" s="32">
        <v>2</v>
      </c>
      <c r="B24" s="32" t="s">
        <v>59</v>
      </c>
      <c r="C24" s="32"/>
      <c r="D24" s="32"/>
      <c r="E24" s="33"/>
      <c r="F24" s="32"/>
    </row>
    <row r="25" spans="1:6" ht="13.5" customHeight="1" x14ac:dyDescent="0.3">
      <c r="A25" s="34"/>
      <c r="B25" s="77"/>
      <c r="C25" s="78"/>
      <c r="D25" s="78"/>
      <c r="E25" s="78"/>
      <c r="F25" s="78"/>
    </row>
    <row r="26" spans="1:6" ht="13.5" customHeight="1" x14ac:dyDescent="0.3">
      <c r="A26" s="79" t="s">
        <v>60</v>
      </c>
      <c r="B26" s="78"/>
      <c r="C26" s="78"/>
      <c r="D26" s="78"/>
      <c r="E26" s="78"/>
      <c r="F26" s="80"/>
    </row>
    <row r="27" spans="1:6" ht="13.5" customHeight="1" x14ac:dyDescent="0.3">
      <c r="A27" s="29"/>
      <c r="B27" s="30" t="s">
        <v>52</v>
      </c>
      <c r="C27" s="30" t="s">
        <v>53</v>
      </c>
      <c r="D27" s="30" t="s">
        <v>54</v>
      </c>
      <c r="E27" s="31" t="s">
        <v>55</v>
      </c>
      <c r="F27" s="30" t="s">
        <v>56</v>
      </c>
    </row>
    <row r="28" spans="1:6" ht="13.5" customHeight="1" x14ac:dyDescent="0.3">
      <c r="A28" s="32">
        <v>1</v>
      </c>
      <c r="B28" s="32" t="s">
        <v>60</v>
      </c>
      <c r="C28" s="32"/>
      <c r="D28" s="32"/>
      <c r="E28" s="33"/>
      <c r="F28" s="32"/>
    </row>
    <row r="29" spans="1:6" ht="13.5" customHeight="1" x14ac:dyDescent="0.3">
      <c r="A29" s="32">
        <v>2</v>
      </c>
      <c r="B29" s="32" t="s">
        <v>60</v>
      </c>
      <c r="C29" s="32"/>
      <c r="D29" s="32"/>
      <c r="E29" s="33"/>
      <c r="F29" s="32"/>
    </row>
    <row r="30" spans="1:6" ht="13.5" customHeight="1" x14ac:dyDescent="0.3">
      <c r="A30" s="34"/>
      <c r="B30" s="77"/>
      <c r="C30" s="78"/>
      <c r="D30" s="78"/>
      <c r="E30" s="78"/>
      <c r="F30" s="78"/>
    </row>
    <row r="31" spans="1:6" ht="13.5" customHeight="1" x14ac:dyDescent="0.3">
      <c r="A31" s="79" t="s">
        <v>61</v>
      </c>
      <c r="B31" s="78"/>
      <c r="C31" s="78"/>
      <c r="D31" s="78"/>
      <c r="E31" s="78"/>
      <c r="F31" s="80"/>
    </row>
    <row r="32" spans="1:6" ht="13.5" customHeight="1" x14ac:dyDescent="0.3">
      <c r="A32" s="29"/>
      <c r="B32" s="30" t="s">
        <v>52</v>
      </c>
      <c r="C32" s="30" t="s">
        <v>53</v>
      </c>
      <c r="D32" s="30" t="s">
        <v>54</v>
      </c>
      <c r="E32" s="31" t="s">
        <v>55</v>
      </c>
      <c r="F32" s="30" t="s">
        <v>56</v>
      </c>
    </row>
    <row r="33" spans="1:6" ht="13.5" customHeight="1" x14ac:dyDescent="0.3">
      <c r="A33" s="32">
        <v>1</v>
      </c>
      <c r="B33" s="32" t="s">
        <v>61</v>
      </c>
      <c r="C33" s="32"/>
      <c r="D33" s="32"/>
      <c r="E33" s="33"/>
      <c r="F33" s="32"/>
    </row>
    <row r="34" spans="1:6" ht="13.5" customHeight="1" x14ac:dyDescent="0.3">
      <c r="A34" s="32">
        <v>2</v>
      </c>
      <c r="B34" s="32" t="s">
        <v>61</v>
      </c>
      <c r="C34" s="32"/>
      <c r="D34" s="32"/>
      <c r="E34" s="33"/>
      <c r="F34" s="32"/>
    </row>
    <row r="35" spans="1:6" ht="13.5" customHeight="1" x14ac:dyDescent="0.3">
      <c r="A35" s="34"/>
      <c r="B35" s="77"/>
      <c r="C35" s="78"/>
      <c r="D35" s="78"/>
      <c r="E35" s="78"/>
      <c r="F35" s="78"/>
    </row>
    <row r="36" spans="1:6" ht="13.5" customHeight="1" x14ac:dyDescent="0.3">
      <c r="A36" s="79" t="s">
        <v>62</v>
      </c>
      <c r="B36" s="78"/>
      <c r="C36" s="78"/>
      <c r="D36" s="78"/>
      <c r="E36" s="78"/>
      <c r="F36" s="80"/>
    </row>
    <row r="37" spans="1:6" ht="13.5" customHeight="1" x14ac:dyDescent="0.3">
      <c r="A37" s="29"/>
      <c r="B37" s="30" t="s">
        <v>52</v>
      </c>
      <c r="C37" s="30" t="s">
        <v>53</v>
      </c>
      <c r="D37" s="30" t="s">
        <v>54</v>
      </c>
      <c r="E37" s="31" t="s">
        <v>55</v>
      </c>
      <c r="F37" s="30" t="s">
        <v>56</v>
      </c>
    </row>
    <row r="38" spans="1:6" ht="13.5" customHeight="1" x14ac:dyDescent="0.3">
      <c r="A38" s="32">
        <v>1</v>
      </c>
      <c r="B38" s="32" t="s">
        <v>62</v>
      </c>
      <c r="C38" s="32"/>
      <c r="D38" s="32"/>
      <c r="E38" s="33"/>
      <c r="F38" s="32"/>
    </row>
    <row r="39" spans="1:6" ht="13.5" customHeight="1" x14ac:dyDescent="0.3">
      <c r="A39" s="32">
        <v>2</v>
      </c>
      <c r="B39" s="32" t="s">
        <v>62</v>
      </c>
      <c r="C39" s="32"/>
      <c r="D39" s="32"/>
      <c r="E39" s="33"/>
      <c r="F39" s="36"/>
    </row>
    <row r="40" spans="1:6" ht="13.5" customHeight="1" x14ac:dyDescent="0.3">
      <c r="A40" s="34"/>
      <c r="B40" s="77"/>
      <c r="C40" s="78"/>
      <c r="D40" s="78"/>
      <c r="E40" s="78"/>
      <c r="F40" s="78"/>
    </row>
    <row r="41" spans="1:6" ht="13.5" customHeight="1" x14ac:dyDescent="0.3">
      <c r="A41" s="79" t="s">
        <v>63</v>
      </c>
      <c r="B41" s="78"/>
      <c r="C41" s="78"/>
      <c r="D41" s="78"/>
      <c r="E41" s="78"/>
      <c r="F41" s="80"/>
    </row>
    <row r="42" spans="1:6" ht="13.5" customHeight="1" x14ac:dyDescent="0.3">
      <c r="A42" s="29"/>
      <c r="B42" s="30" t="s">
        <v>52</v>
      </c>
      <c r="C42" s="30" t="s">
        <v>53</v>
      </c>
      <c r="D42" s="30" t="s">
        <v>54</v>
      </c>
      <c r="E42" s="31" t="s">
        <v>55</v>
      </c>
      <c r="F42" s="30" t="s">
        <v>56</v>
      </c>
    </row>
    <row r="43" spans="1:6" ht="13.5" customHeight="1" x14ac:dyDescent="0.3">
      <c r="A43" s="32">
        <v>1</v>
      </c>
      <c r="B43" s="32" t="s">
        <v>63</v>
      </c>
      <c r="C43" s="32"/>
      <c r="D43" s="32"/>
      <c r="E43" s="33"/>
      <c r="F43" s="32"/>
    </row>
    <row r="44" spans="1:6" ht="13.5" customHeight="1" x14ac:dyDescent="0.3">
      <c r="A44" s="32">
        <v>2</v>
      </c>
      <c r="B44" s="32" t="s">
        <v>63</v>
      </c>
      <c r="C44" s="32"/>
      <c r="D44" s="32"/>
      <c r="E44" s="33"/>
      <c r="F44" s="32"/>
    </row>
    <row r="45" spans="1:6" ht="13.5" hidden="1" customHeight="1" x14ac:dyDescent="0.25">
      <c r="E45" s="37"/>
    </row>
    <row r="46" spans="1:6" ht="13.5" hidden="1" customHeight="1" x14ac:dyDescent="0.25">
      <c r="E46" s="37"/>
    </row>
    <row r="47" spans="1:6" ht="13.5" hidden="1" customHeight="1" x14ac:dyDescent="0.25">
      <c r="E47" s="37"/>
    </row>
    <row r="48" spans="1:6" ht="13.5" hidden="1" customHeight="1" x14ac:dyDescent="0.25">
      <c r="E48" s="37"/>
    </row>
    <row r="49" spans="5:5" ht="13.5" hidden="1" customHeight="1" x14ac:dyDescent="0.25">
      <c r="E49" s="37"/>
    </row>
    <row r="50" spans="5:5" ht="13.5" hidden="1" customHeight="1" x14ac:dyDescent="0.25">
      <c r="E50" s="37"/>
    </row>
    <row r="51" spans="5:5" ht="13.5" hidden="1" customHeight="1" x14ac:dyDescent="0.25">
      <c r="E51" s="37"/>
    </row>
    <row r="52" spans="5:5" ht="13.5" hidden="1" customHeight="1" x14ac:dyDescent="0.25">
      <c r="E52" s="37"/>
    </row>
    <row r="53" spans="5:5" ht="13.5" hidden="1" customHeight="1" x14ac:dyDescent="0.25">
      <c r="E53" s="37"/>
    </row>
    <row r="54" spans="5:5" ht="13.5" hidden="1" customHeight="1" x14ac:dyDescent="0.25">
      <c r="E54" s="37"/>
    </row>
    <row r="55" spans="5:5" ht="13.5" hidden="1" customHeight="1" x14ac:dyDescent="0.25">
      <c r="E55" s="37"/>
    </row>
    <row r="56" spans="5:5" ht="13.5" hidden="1" customHeight="1" x14ac:dyDescent="0.25">
      <c r="E56" s="37"/>
    </row>
    <row r="57" spans="5:5" ht="13.5" hidden="1" customHeight="1" x14ac:dyDescent="0.25">
      <c r="E57" s="37"/>
    </row>
    <row r="58" spans="5:5" ht="13.5" hidden="1" customHeight="1" x14ac:dyDescent="0.25">
      <c r="E58" s="37"/>
    </row>
    <row r="59" spans="5:5" ht="13.5" hidden="1" customHeight="1" x14ac:dyDescent="0.25">
      <c r="E59" s="37"/>
    </row>
    <row r="60" spans="5:5" ht="13.5" hidden="1" customHeight="1" x14ac:dyDescent="0.25">
      <c r="E60" s="37"/>
    </row>
    <row r="61" spans="5:5" ht="13.5" hidden="1" customHeight="1" x14ac:dyDescent="0.25">
      <c r="E61" s="37"/>
    </row>
    <row r="62" spans="5:5" ht="13.5" hidden="1" customHeight="1" x14ac:dyDescent="0.25">
      <c r="E62" s="37"/>
    </row>
    <row r="63" spans="5:5" ht="13.5" hidden="1" customHeight="1" x14ac:dyDescent="0.25">
      <c r="E63" s="37"/>
    </row>
    <row r="64" spans="5:5" ht="13.5" hidden="1" customHeight="1" x14ac:dyDescent="0.25">
      <c r="E64" s="37"/>
    </row>
    <row r="65" spans="5:5" ht="13.5" hidden="1" customHeight="1" x14ac:dyDescent="0.25">
      <c r="E65" s="37"/>
    </row>
    <row r="66" spans="5:5" ht="13.5" hidden="1" customHeight="1" x14ac:dyDescent="0.25">
      <c r="E66" s="37"/>
    </row>
    <row r="67" spans="5:5" ht="13.5" hidden="1" customHeight="1" x14ac:dyDescent="0.25">
      <c r="E67" s="37"/>
    </row>
    <row r="68" spans="5:5" ht="13.5" hidden="1" customHeight="1" x14ac:dyDescent="0.25">
      <c r="E68" s="37"/>
    </row>
    <row r="69" spans="5:5" ht="13.5" hidden="1" customHeight="1" x14ac:dyDescent="0.25">
      <c r="E69" s="37"/>
    </row>
    <row r="70" spans="5:5" ht="13.5" hidden="1" customHeight="1" x14ac:dyDescent="0.25">
      <c r="E70" s="37"/>
    </row>
    <row r="71" spans="5:5" ht="13.5" hidden="1" customHeight="1" x14ac:dyDescent="0.25">
      <c r="E71" s="37"/>
    </row>
    <row r="72" spans="5:5" ht="13.5" hidden="1" customHeight="1" x14ac:dyDescent="0.25">
      <c r="E72" s="37"/>
    </row>
    <row r="73" spans="5:5" ht="13.5" hidden="1" customHeight="1" x14ac:dyDescent="0.25">
      <c r="E73" s="37"/>
    </row>
    <row r="74" spans="5:5" ht="13.5" hidden="1" customHeight="1" x14ac:dyDescent="0.25">
      <c r="E74" s="37"/>
    </row>
    <row r="75" spans="5:5" ht="13.5" hidden="1" customHeight="1" x14ac:dyDescent="0.25">
      <c r="E75" s="37"/>
    </row>
    <row r="76" spans="5:5" ht="13.5" hidden="1" customHeight="1" x14ac:dyDescent="0.25">
      <c r="E76" s="37"/>
    </row>
    <row r="77" spans="5:5" ht="13.5" hidden="1" customHeight="1" x14ac:dyDescent="0.25">
      <c r="E77" s="37"/>
    </row>
    <row r="78" spans="5:5" ht="13.5" hidden="1" customHeight="1" x14ac:dyDescent="0.25">
      <c r="E78" s="37"/>
    </row>
    <row r="79" spans="5:5" ht="13.5" hidden="1" customHeight="1" x14ac:dyDescent="0.25">
      <c r="E79" s="37"/>
    </row>
    <row r="80" spans="5:5" ht="13.5" hidden="1" customHeight="1" x14ac:dyDescent="0.25">
      <c r="E80" s="37"/>
    </row>
    <row r="81" spans="5:5" ht="13.5" hidden="1" customHeight="1" x14ac:dyDescent="0.25">
      <c r="E81" s="37"/>
    </row>
    <row r="82" spans="5:5" ht="13.5" hidden="1" customHeight="1" x14ac:dyDescent="0.25">
      <c r="E82" s="37"/>
    </row>
    <row r="83" spans="5:5" ht="13.5" hidden="1" customHeight="1" x14ac:dyDescent="0.25">
      <c r="E83" s="37"/>
    </row>
    <row r="84" spans="5:5" ht="13.5" hidden="1" customHeight="1" x14ac:dyDescent="0.25">
      <c r="E84" s="37"/>
    </row>
    <row r="85" spans="5:5" ht="13.5" hidden="1" customHeight="1" x14ac:dyDescent="0.25">
      <c r="E85" s="37"/>
    </row>
    <row r="86" spans="5:5" ht="13.5" hidden="1" customHeight="1" x14ac:dyDescent="0.25">
      <c r="E86" s="37"/>
    </row>
    <row r="87" spans="5:5" ht="13.5" hidden="1" customHeight="1" x14ac:dyDescent="0.25">
      <c r="E87" s="37"/>
    </row>
    <row r="88" spans="5:5" ht="13.5" hidden="1" customHeight="1" x14ac:dyDescent="0.25">
      <c r="E88" s="37"/>
    </row>
    <row r="89" spans="5:5" ht="13.5" hidden="1" customHeight="1" x14ac:dyDescent="0.25">
      <c r="E89" s="37"/>
    </row>
    <row r="90" spans="5:5" ht="13.5" hidden="1" customHeight="1" x14ac:dyDescent="0.25">
      <c r="E90" s="37"/>
    </row>
    <row r="91" spans="5:5" ht="13.5" hidden="1" customHeight="1" x14ac:dyDescent="0.25">
      <c r="E91" s="37"/>
    </row>
    <row r="92" spans="5:5" ht="13.5" hidden="1" customHeight="1" x14ac:dyDescent="0.25">
      <c r="E92" s="37"/>
    </row>
    <row r="93" spans="5:5" ht="13.5" hidden="1" customHeight="1" x14ac:dyDescent="0.25">
      <c r="E93" s="37"/>
    </row>
    <row r="94" spans="5:5" ht="13.5" hidden="1" customHeight="1" x14ac:dyDescent="0.25">
      <c r="E94" s="37"/>
    </row>
    <row r="95" spans="5:5" ht="13.5" hidden="1" customHeight="1" x14ac:dyDescent="0.25">
      <c r="E95" s="37"/>
    </row>
    <row r="96" spans="5:5" ht="13.5" hidden="1" customHeight="1" x14ac:dyDescent="0.25">
      <c r="E96" s="37"/>
    </row>
    <row r="97" spans="5:5" ht="13.5" hidden="1" customHeight="1" x14ac:dyDescent="0.25">
      <c r="E97" s="37"/>
    </row>
    <row r="98" spans="5:5" ht="13.5" hidden="1" customHeight="1" x14ac:dyDescent="0.25">
      <c r="E98" s="37"/>
    </row>
    <row r="99" spans="5:5" ht="13.5" hidden="1" customHeight="1" x14ac:dyDescent="0.25">
      <c r="E99" s="37"/>
    </row>
    <row r="100" spans="5:5" ht="13.5" hidden="1" customHeight="1" x14ac:dyDescent="0.25">
      <c r="E100" s="37"/>
    </row>
    <row r="101" spans="5:5" ht="13.5" hidden="1" customHeight="1" x14ac:dyDescent="0.25">
      <c r="E101" s="37"/>
    </row>
    <row r="102" spans="5:5" ht="13.5" hidden="1" customHeight="1" x14ac:dyDescent="0.25">
      <c r="E102" s="37"/>
    </row>
    <row r="103" spans="5:5" ht="13.5" hidden="1" customHeight="1" x14ac:dyDescent="0.25">
      <c r="E103" s="37"/>
    </row>
    <row r="104" spans="5:5" ht="13.5" hidden="1" customHeight="1" x14ac:dyDescent="0.25">
      <c r="E104" s="37"/>
    </row>
    <row r="105" spans="5:5" ht="13.5" hidden="1" customHeight="1" x14ac:dyDescent="0.25">
      <c r="E105" s="37"/>
    </row>
    <row r="106" spans="5:5" ht="13.5" hidden="1" customHeight="1" x14ac:dyDescent="0.25">
      <c r="E106" s="37"/>
    </row>
    <row r="107" spans="5:5" ht="13.5" hidden="1" customHeight="1" x14ac:dyDescent="0.25">
      <c r="E107" s="37"/>
    </row>
    <row r="108" spans="5:5" ht="13.5" hidden="1" customHeight="1" x14ac:dyDescent="0.25">
      <c r="E108" s="37"/>
    </row>
    <row r="109" spans="5:5" ht="13.5" hidden="1" customHeight="1" x14ac:dyDescent="0.25">
      <c r="E109" s="37"/>
    </row>
    <row r="110" spans="5:5" ht="13.5" hidden="1" customHeight="1" x14ac:dyDescent="0.25">
      <c r="E110" s="37"/>
    </row>
    <row r="111" spans="5:5" ht="13.5" hidden="1" customHeight="1" x14ac:dyDescent="0.25">
      <c r="E111" s="37"/>
    </row>
    <row r="112" spans="5:5" ht="13.5" hidden="1" customHeight="1" x14ac:dyDescent="0.25">
      <c r="E112" s="37"/>
    </row>
    <row r="113" spans="5:5" ht="13.5" hidden="1" customHeight="1" x14ac:dyDescent="0.25">
      <c r="E113" s="37"/>
    </row>
    <row r="114" spans="5:5" ht="13.5" hidden="1" customHeight="1" x14ac:dyDescent="0.25">
      <c r="E114" s="37"/>
    </row>
    <row r="115" spans="5:5" ht="13.5" hidden="1" customHeight="1" x14ac:dyDescent="0.25">
      <c r="E115" s="37"/>
    </row>
    <row r="116" spans="5:5" ht="13.5" hidden="1" customHeight="1" x14ac:dyDescent="0.25">
      <c r="E116" s="37"/>
    </row>
    <row r="117" spans="5:5" ht="13.5" hidden="1" customHeight="1" x14ac:dyDescent="0.25">
      <c r="E117" s="37"/>
    </row>
    <row r="118" spans="5:5" ht="13.5" hidden="1" customHeight="1" x14ac:dyDescent="0.25">
      <c r="E118" s="37"/>
    </row>
    <row r="119" spans="5:5" ht="13.5" hidden="1" customHeight="1" x14ac:dyDescent="0.25">
      <c r="E119" s="37"/>
    </row>
    <row r="120" spans="5:5" ht="13.5" hidden="1" customHeight="1" x14ac:dyDescent="0.25">
      <c r="E120" s="37"/>
    </row>
    <row r="121" spans="5:5" ht="13.5" hidden="1" customHeight="1" x14ac:dyDescent="0.25">
      <c r="E121" s="37"/>
    </row>
    <row r="122" spans="5:5" ht="13.5" hidden="1" customHeight="1" x14ac:dyDescent="0.25">
      <c r="E122" s="37"/>
    </row>
    <row r="123" spans="5:5" ht="13.5" hidden="1" customHeight="1" x14ac:dyDescent="0.25">
      <c r="E123" s="37"/>
    </row>
    <row r="124" spans="5:5" ht="13.5" hidden="1" customHeight="1" x14ac:dyDescent="0.25">
      <c r="E124" s="37"/>
    </row>
    <row r="125" spans="5:5" ht="13.5" hidden="1" customHeight="1" x14ac:dyDescent="0.25">
      <c r="E125" s="37"/>
    </row>
    <row r="126" spans="5:5" ht="13.5" hidden="1" customHeight="1" x14ac:dyDescent="0.25">
      <c r="E126" s="37"/>
    </row>
    <row r="127" spans="5:5" ht="13.5" hidden="1" customHeight="1" x14ac:dyDescent="0.25">
      <c r="E127" s="37"/>
    </row>
    <row r="128" spans="5:5" ht="13.5" hidden="1" customHeight="1" x14ac:dyDescent="0.25">
      <c r="E128" s="37"/>
    </row>
    <row r="129" spans="5:5" ht="13.5" hidden="1" customHeight="1" x14ac:dyDescent="0.25">
      <c r="E129" s="37"/>
    </row>
    <row r="130" spans="5:5" ht="13.5" hidden="1" customHeight="1" x14ac:dyDescent="0.25">
      <c r="E130" s="37"/>
    </row>
    <row r="131" spans="5:5" ht="13.5" hidden="1" customHeight="1" x14ac:dyDescent="0.25">
      <c r="E131" s="37"/>
    </row>
    <row r="132" spans="5:5" ht="13.5" hidden="1" customHeight="1" x14ac:dyDescent="0.25">
      <c r="E132" s="37"/>
    </row>
    <row r="133" spans="5:5" ht="13.5" hidden="1" customHeight="1" x14ac:dyDescent="0.25">
      <c r="E133" s="37"/>
    </row>
    <row r="134" spans="5:5" ht="13.5" hidden="1" customHeight="1" x14ac:dyDescent="0.25">
      <c r="E134" s="37"/>
    </row>
    <row r="135" spans="5:5" ht="13.5" hidden="1" customHeight="1" x14ac:dyDescent="0.25">
      <c r="E135" s="37"/>
    </row>
    <row r="136" spans="5:5" ht="13.5" hidden="1" customHeight="1" x14ac:dyDescent="0.25">
      <c r="E136" s="37"/>
    </row>
    <row r="137" spans="5:5" ht="13.5" hidden="1" customHeight="1" x14ac:dyDescent="0.25">
      <c r="E137" s="37"/>
    </row>
    <row r="138" spans="5:5" ht="13.5" hidden="1" customHeight="1" x14ac:dyDescent="0.25">
      <c r="E138" s="37"/>
    </row>
    <row r="139" spans="5:5" ht="13.5" hidden="1" customHeight="1" x14ac:dyDescent="0.25">
      <c r="E139" s="37"/>
    </row>
    <row r="140" spans="5:5" ht="13.5" hidden="1" customHeight="1" x14ac:dyDescent="0.25">
      <c r="E140" s="37"/>
    </row>
    <row r="141" spans="5:5" ht="13.5" hidden="1" customHeight="1" x14ac:dyDescent="0.25">
      <c r="E141" s="37"/>
    </row>
    <row r="142" spans="5:5" ht="13.5" hidden="1" customHeight="1" x14ac:dyDescent="0.25">
      <c r="E142" s="37"/>
    </row>
    <row r="143" spans="5:5" ht="13.5" hidden="1" customHeight="1" x14ac:dyDescent="0.25">
      <c r="E143" s="37"/>
    </row>
    <row r="144" spans="5:5" ht="13.5" hidden="1" customHeight="1" x14ac:dyDescent="0.25">
      <c r="E144" s="37"/>
    </row>
    <row r="145" spans="5:5" ht="13.5" hidden="1" customHeight="1" x14ac:dyDescent="0.25">
      <c r="E145" s="37"/>
    </row>
    <row r="146" spans="5:5" ht="13.5" hidden="1" customHeight="1" x14ac:dyDescent="0.25">
      <c r="E146" s="37"/>
    </row>
    <row r="147" spans="5:5" ht="13.5" hidden="1" customHeight="1" x14ac:dyDescent="0.25">
      <c r="E147" s="37"/>
    </row>
    <row r="148" spans="5:5" ht="13.5" hidden="1" customHeight="1" x14ac:dyDescent="0.25">
      <c r="E148" s="37"/>
    </row>
    <row r="149" spans="5:5" ht="13.5" hidden="1" customHeight="1" x14ac:dyDescent="0.25">
      <c r="E149" s="37"/>
    </row>
    <row r="150" spans="5:5" ht="13.5" hidden="1" customHeight="1" x14ac:dyDescent="0.25">
      <c r="E150" s="37"/>
    </row>
    <row r="151" spans="5:5" ht="13.5" hidden="1" customHeight="1" x14ac:dyDescent="0.25">
      <c r="E151" s="37"/>
    </row>
    <row r="152" spans="5:5" ht="13.5" hidden="1" customHeight="1" x14ac:dyDescent="0.25">
      <c r="E152" s="37"/>
    </row>
    <row r="153" spans="5:5" ht="13.5" hidden="1" customHeight="1" x14ac:dyDescent="0.25">
      <c r="E153" s="37"/>
    </row>
    <row r="154" spans="5:5" ht="13.5" hidden="1" customHeight="1" x14ac:dyDescent="0.25">
      <c r="E154" s="37"/>
    </row>
    <row r="155" spans="5:5" ht="13.5" hidden="1" customHeight="1" x14ac:dyDescent="0.25">
      <c r="E155" s="37"/>
    </row>
    <row r="156" spans="5:5" ht="13.5" hidden="1" customHeight="1" x14ac:dyDescent="0.25">
      <c r="E156" s="37"/>
    </row>
    <row r="157" spans="5:5" ht="13.5" hidden="1" customHeight="1" x14ac:dyDescent="0.25">
      <c r="E157" s="37"/>
    </row>
    <row r="158" spans="5:5" ht="13.5" hidden="1" customHeight="1" x14ac:dyDescent="0.25">
      <c r="E158" s="37"/>
    </row>
    <row r="159" spans="5:5" ht="13.5" hidden="1" customHeight="1" x14ac:dyDescent="0.25">
      <c r="E159" s="37"/>
    </row>
    <row r="160" spans="5:5" ht="13.5" hidden="1" customHeight="1" x14ac:dyDescent="0.25">
      <c r="E160" s="37"/>
    </row>
    <row r="161" spans="5:5" ht="13.5" hidden="1" customHeight="1" x14ac:dyDescent="0.25">
      <c r="E161" s="37"/>
    </row>
    <row r="162" spans="5:5" ht="13.5" hidden="1" customHeight="1" x14ac:dyDescent="0.25">
      <c r="E162" s="37"/>
    </row>
    <row r="163" spans="5:5" ht="13.5" hidden="1" customHeight="1" x14ac:dyDescent="0.25">
      <c r="E163" s="37"/>
    </row>
    <row r="164" spans="5:5" ht="13.5" hidden="1" customHeight="1" x14ac:dyDescent="0.25">
      <c r="E164" s="37"/>
    </row>
    <row r="165" spans="5:5" ht="13.5" hidden="1" customHeight="1" x14ac:dyDescent="0.25">
      <c r="E165" s="37"/>
    </row>
    <row r="166" spans="5:5" ht="13.5" hidden="1" customHeight="1" x14ac:dyDescent="0.25">
      <c r="E166" s="37"/>
    </row>
    <row r="167" spans="5:5" ht="13.5" hidden="1" customHeight="1" x14ac:dyDescent="0.25">
      <c r="E167" s="37"/>
    </row>
    <row r="168" spans="5:5" ht="13.5" hidden="1" customHeight="1" x14ac:dyDescent="0.25">
      <c r="E168" s="37"/>
    </row>
    <row r="169" spans="5:5" ht="13.5" hidden="1" customHeight="1" x14ac:dyDescent="0.25">
      <c r="E169" s="37"/>
    </row>
    <row r="170" spans="5:5" ht="13.5" hidden="1" customHeight="1" x14ac:dyDescent="0.25">
      <c r="E170" s="37"/>
    </row>
    <row r="171" spans="5:5" ht="13.5" hidden="1" customHeight="1" x14ac:dyDescent="0.25">
      <c r="E171" s="37"/>
    </row>
    <row r="172" spans="5:5" ht="13.5" hidden="1" customHeight="1" x14ac:dyDescent="0.25">
      <c r="E172" s="37"/>
    </row>
    <row r="173" spans="5:5" ht="13.5" hidden="1" customHeight="1" x14ac:dyDescent="0.25">
      <c r="E173" s="37"/>
    </row>
    <row r="174" spans="5:5" ht="13.5" hidden="1" customHeight="1" x14ac:dyDescent="0.25">
      <c r="E174" s="37"/>
    </row>
    <row r="175" spans="5:5" ht="13.5" hidden="1" customHeight="1" x14ac:dyDescent="0.25">
      <c r="E175" s="37"/>
    </row>
    <row r="176" spans="5:5" ht="13.5" hidden="1" customHeight="1" x14ac:dyDescent="0.25">
      <c r="E176" s="37"/>
    </row>
    <row r="177" spans="5:5" ht="13.5" hidden="1" customHeight="1" x14ac:dyDescent="0.25">
      <c r="E177" s="37"/>
    </row>
    <row r="178" spans="5:5" ht="13.5" hidden="1" customHeight="1" x14ac:dyDescent="0.25">
      <c r="E178" s="37"/>
    </row>
    <row r="179" spans="5:5" ht="13.5" hidden="1" customHeight="1" x14ac:dyDescent="0.25">
      <c r="E179" s="37"/>
    </row>
    <row r="180" spans="5:5" ht="13.5" hidden="1" customHeight="1" x14ac:dyDescent="0.25">
      <c r="E180" s="37"/>
    </row>
    <row r="181" spans="5:5" ht="13.5" hidden="1" customHeight="1" x14ac:dyDescent="0.25">
      <c r="E181" s="37"/>
    </row>
    <row r="182" spans="5:5" ht="13.5" hidden="1" customHeight="1" x14ac:dyDescent="0.25">
      <c r="E182" s="37"/>
    </row>
    <row r="183" spans="5:5" ht="13.5" hidden="1" customHeight="1" x14ac:dyDescent="0.25">
      <c r="E183" s="37"/>
    </row>
    <row r="184" spans="5:5" ht="13.5" hidden="1" customHeight="1" x14ac:dyDescent="0.25">
      <c r="E184" s="37"/>
    </row>
    <row r="185" spans="5:5" ht="13.5" hidden="1" customHeight="1" x14ac:dyDescent="0.25">
      <c r="E185" s="37"/>
    </row>
    <row r="186" spans="5:5" ht="13.5" hidden="1" customHeight="1" x14ac:dyDescent="0.25">
      <c r="E186" s="37"/>
    </row>
    <row r="187" spans="5:5" ht="13.5" hidden="1" customHeight="1" x14ac:dyDescent="0.25">
      <c r="E187" s="37"/>
    </row>
    <row r="188" spans="5:5" ht="13.5" hidden="1" customHeight="1" x14ac:dyDescent="0.25">
      <c r="E188" s="37"/>
    </row>
    <row r="189" spans="5:5" ht="13.5" hidden="1" customHeight="1" x14ac:dyDescent="0.25">
      <c r="E189" s="37"/>
    </row>
    <row r="190" spans="5:5" ht="13.5" hidden="1" customHeight="1" x14ac:dyDescent="0.25">
      <c r="E190" s="37"/>
    </row>
    <row r="191" spans="5:5" ht="13.5" hidden="1" customHeight="1" x14ac:dyDescent="0.25">
      <c r="E191" s="37"/>
    </row>
    <row r="192" spans="5:5" ht="13.5" hidden="1" customHeight="1" x14ac:dyDescent="0.25">
      <c r="E192" s="37"/>
    </row>
    <row r="193" spans="5:5" ht="13.5" hidden="1" customHeight="1" x14ac:dyDescent="0.25">
      <c r="E193" s="37"/>
    </row>
    <row r="194" spans="5:5" ht="13.5" hidden="1" customHeight="1" x14ac:dyDescent="0.25">
      <c r="E194" s="37"/>
    </row>
    <row r="195" spans="5:5" ht="13.5" hidden="1" customHeight="1" x14ac:dyDescent="0.25">
      <c r="E195" s="37"/>
    </row>
    <row r="196" spans="5:5" ht="13.5" hidden="1" customHeight="1" x14ac:dyDescent="0.25">
      <c r="E196" s="37"/>
    </row>
    <row r="197" spans="5:5" ht="13.5" hidden="1" customHeight="1" x14ac:dyDescent="0.25">
      <c r="E197" s="37"/>
    </row>
    <row r="198" spans="5:5" ht="13.5" hidden="1" customHeight="1" x14ac:dyDescent="0.25">
      <c r="E198" s="37"/>
    </row>
    <row r="199" spans="5:5" ht="13.5" hidden="1" customHeight="1" x14ac:dyDescent="0.25">
      <c r="E199" s="37"/>
    </row>
    <row r="200" spans="5:5" ht="13.5" hidden="1" customHeight="1" x14ac:dyDescent="0.25">
      <c r="E200" s="37"/>
    </row>
    <row r="201" spans="5:5" ht="13.5" hidden="1" customHeight="1" x14ac:dyDescent="0.25">
      <c r="E201" s="37"/>
    </row>
    <row r="202" spans="5:5" ht="13.5" hidden="1" customHeight="1" x14ac:dyDescent="0.25">
      <c r="E202" s="37"/>
    </row>
    <row r="203" spans="5:5" ht="13.5" hidden="1" customHeight="1" x14ac:dyDescent="0.25">
      <c r="E203" s="37"/>
    </row>
    <row r="204" spans="5:5" ht="13.5" hidden="1" customHeight="1" x14ac:dyDescent="0.25">
      <c r="E204" s="37"/>
    </row>
    <row r="205" spans="5:5" ht="13.5" hidden="1" customHeight="1" x14ac:dyDescent="0.25">
      <c r="E205" s="37"/>
    </row>
    <row r="206" spans="5:5" ht="13.5" hidden="1" customHeight="1" x14ac:dyDescent="0.25">
      <c r="E206" s="37"/>
    </row>
    <row r="207" spans="5:5" ht="13.5" hidden="1" customHeight="1" x14ac:dyDescent="0.25">
      <c r="E207" s="37"/>
    </row>
    <row r="208" spans="5:5" ht="13.5" hidden="1" customHeight="1" x14ac:dyDescent="0.25">
      <c r="E208" s="37"/>
    </row>
    <row r="209" spans="5:5" ht="13.5" hidden="1" customHeight="1" x14ac:dyDescent="0.25">
      <c r="E209" s="37"/>
    </row>
    <row r="210" spans="5:5" ht="13.5" hidden="1" customHeight="1" x14ac:dyDescent="0.25">
      <c r="E210" s="37"/>
    </row>
    <row r="211" spans="5:5" ht="13.5" hidden="1" customHeight="1" x14ac:dyDescent="0.25">
      <c r="E211" s="37"/>
    </row>
    <row r="212" spans="5:5" ht="13.5" hidden="1" customHeight="1" x14ac:dyDescent="0.25">
      <c r="E212" s="37"/>
    </row>
    <row r="213" spans="5:5" ht="13.5" hidden="1" customHeight="1" x14ac:dyDescent="0.25">
      <c r="E213" s="37"/>
    </row>
    <row r="214" spans="5:5" ht="13.5" hidden="1" customHeight="1" x14ac:dyDescent="0.25">
      <c r="E214" s="37"/>
    </row>
    <row r="215" spans="5:5" ht="13.5" hidden="1" customHeight="1" x14ac:dyDescent="0.25">
      <c r="E215" s="37"/>
    </row>
    <row r="216" spans="5:5" ht="13.5" hidden="1" customHeight="1" x14ac:dyDescent="0.25">
      <c r="E216" s="37"/>
    </row>
    <row r="217" spans="5:5" ht="13.5" hidden="1" customHeight="1" x14ac:dyDescent="0.25">
      <c r="E217" s="37"/>
    </row>
    <row r="218" spans="5:5" ht="13.5" hidden="1" customHeight="1" x14ac:dyDescent="0.25">
      <c r="E218" s="37"/>
    </row>
    <row r="219" spans="5:5" ht="13.5" hidden="1" customHeight="1" x14ac:dyDescent="0.25">
      <c r="E219" s="37"/>
    </row>
    <row r="220" spans="5:5" ht="13.5" hidden="1" customHeight="1" x14ac:dyDescent="0.25">
      <c r="E220" s="37"/>
    </row>
    <row r="221" spans="5:5" ht="13.5" hidden="1" customHeight="1" x14ac:dyDescent="0.25">
      <c r="E221" s="37"/>
    </row>
    <row r="222" spans="5:5" ht="13.5" hidden="1" customHeight="1" x14ac:dyDescent="0.25">
      <c r="E222" s="37"/>
    </row>
    <row r="223" spans="5:5" ht="13.5" hidden="1" customHeight="1" x14ac:dyDescent="0.25">
      <c r="E223" s="37"/>
    </row>
    <row r="224" spans="5:5" ht="13.5" hidden="1" customHeight="1" x14ac:dyDescent="0.25">
      <c r="E224" s="37"/>
    </row>
    <row r="225" spans="5:5" ht="13.5" hidden="1" customHeight="1" x14ac:dyDescent="0.25">
      <c r="E225" s="37"/>
    </row>
    <row r="226" spans="5:5" ht="13.5" hidden="1" customHeight="1" x14ac:dyDescent="0.25">
      <c r="E226" s="37"/>
    </row>
    <row r="227" spans="5:5" ht="13.5" hidden="1" customHeight="1" x14ac:dyDescent="0.25">
      <c r="E227" s="37"/>
    </row>
    <row r="228" spans="5:5" ht="13.5" hidden="1" customHeight="1" x14ac:dyDescent="0.25">
      <c r="E228" s="37"/>
    </row>
    <row r="229" spans="5:5" ht="13.5" hidden="1" customHeight="1" x14ac:dyDescent="0.25">
      <c r="E229" s="37"/>
    </row>
    <row r="230" spans="5:5" ht="13.5" hidden="1" customHeight="1" x14ac:dyDescent="0.25">
      <c r="E230" s="37"/>
    </row>
    <row r="231" spans="5:5" ht="13.5" hidden="1" customHeight="1" x14ac:dyDescent="0.25">
      <c r="E231" s="37"/>
    </row>
    <row r="232" spans="5:5" ht="13.5" hidden="1" customHeight="1" x14ac:dyDescent="0.25">
      <c r="E232" s="37"/>
    </row>
    <row r="233" spans="5:5" ht="13.5" hidden="1" customHeight="1" x14ac:dyDescent="0.25">
      <c r="E233" s="37"/>
    </row>
    <row r="234" spans="5:5" ht="13.5" hidden="1" customHeight="1" x14ac:dyDescent="0.25">
      <c r="E234" s="37"/>
    </row>
    <row r="235" spans="5:5" ht="13.5" hidden="1" customHeight="1" x14ac:dyDescent="0.25">
      <c r="E235" s="37"/>
    </row>
    <row r="236" spans="5:5" ht="13.5" hidden="1" customHeight="1" x14ac:dyDescent="0.25">
      <c r="E236" s="37"/>
    </row>
    <row r="237" spans="5:5" ht="13.5" hidden="1" customHeight="1" x14ac:dyDescent="0.25">
      <c r="E237" s="37"/>
    </row>
    <row r="238" spans="5:5" ht="13.5" hidden="1" customHeight="1" x14ac:dyDescent="0.25">
      <c r="E238" s="37"/>
    </row>
    <row r="239" spans="5:5" ht="13.5" hidden="1" customHeight="1" x14ac:dyDescent="0.25">
      <c r="E239" s="37"/>
    </row>
    <row r="240" spans="5:5" ht="13.5" hidden="1" customHeight="1" x14ac:dyDescent="0.25">
      <c r="E240" s="37"/>
    </row>
    <row r="241" spans="5:5" ht="13.5" hidden="1" customHeight="1" x14ac:dyDescent="0.25">
      <c r="E241" s="37"/>
    </row>
    <row r="242" spans="5:5" ht="13.5" hidden="1" customHeight="1" x14ac:dyDescent="0.25">
      <c r="E242" s="37"/>
    </row>
    <row r="243" spans="5:5" ht="13.5" hidden="1" customHeight="1" x14ac:dyDescent="0.25">
      <c r="E243" s="37"/>
    </row>
    <row r="244" spans="5:5" ht="13.5" hidden="1" customHeight="1" x14ac:dyDescent="0.25">
      <c r="E244" s="37"/>
    </row>
    <row r="245" spans="5:5" ht="13.5" hidden="1" customHeight="1" x14ac:dyDescent="0.25">
      <c r="E245" s="37"/>
    </row>
    <row r="246" spans="5:5" ht="13.5" hidden="1" customHeight="1" x14ac:dyDescent="0.25">
      <c r="E246" s="37"/>
    </row>
    <row r="247" spans="5:5" ht="13.5" hidden="1" customHeight="1" x14ac:dyDescent="0.25">
      <c r="E247" s="37"/>
    </row>
    <row r="248" spans="5:5" ht="13.5" hidden="1" customHeight="1" x14ac:dyDescent="0.25">
      <c r="E248" s="37"/>
    </row>
    <row r="249" spans="5:5" ht="13.5" hidden="1" customHeight="1" x14ac:dyDescent="0.25">
      <c r="E249" s="37"/>
    </row>
    <row r="250" spans="5:5" ht="13.5" hidden="1" customHeight="1" x14ac:dyDescent="0.25">
      <c r="E250" s="37"/>
    </row>
    <row r="251" spans="5:5" ht="13.5" hidden="1" customHeight="1" x14ac:dyDescent="0.25">
      <c r="E251" s="37"/>
    </row>
    <row r="252" spans="5:5" ht="13.5" hidden="1" customHeight="1" x14ac:dyDescent="0.25">
      <c r="E252" s="37"/>
    </row>
    <row r="253" spans="5:5" ht="13.5" hidden="1" customHeight="1" x14ac:dyDescent="0.25">
      <c r="E253" s="37"/>
    </row>
    <row r="254" spans="5:5" ht="13.5" hidden="1" customHeight="1" x14ac:dyDescent="0.25">
      <c r="E254" s="37"/>
    </row>
    <row r="255" spans="5:5" ht="13.5" hidden="1" customHeight="1" x14ac:dyDescent="0.25">
      <c r="E255" s="37"/>
    </row>
    <row r="256" spans="5:5" ht="13.5" hidden="1" customHeight="1" x14ac:dyDescent="0.25">
      <c r="E256" s="37"/>
    </row>
    <row r="257" spans="5:5" ht="13.5" hidden="1" customHeight="1" x14ac:dyDescent="0.25">
      <c r="E257" s="37"/>
    </row>
    <row r="258" spans="5:5" ht="13.5" hidden="1" customHeight="1" x14ac:dyDescent="0.25">
      <c r="E258" s="37"/>
    </row>
    <row r="259" spans="5:5" ht="13.5" hidden="1" customHeight="1" x14ac:dyDescent="0.25">
      <c r="E259" s="37"/>
    </row>
    <row r="260" spans="5:5" ht="13.5" hidden="1" customHeight="1" x14ac:dyDescent="0.25">
      <c r="E260" s="37"/>
    </row>
    <row r="261" spans="5:5" ht="13.5" hidden="1" customHeight="1" x14ac:dyDescent="0.25">
      <c r="E261" s="37"/>
    </row>
    <row r="262" spans="5:5" ht="13.5" hidden="1" customHeight="1" x14ac:dyDescent="0.25">
      <c r="E262" s="37"/>
    </row>
    <row r="263" spans="5:5" ht="13.5" hidden="1" customHeight="1" x14ac:dyDescent="0.25">
      <c r="E263" s="37"/>
    </row>
    <row r="264" spans="5:5" ht="13.5" hidden="1" customHeight="1" x14ac:dyDescent="0.25">
      <c r="E264" s="37"/>
    </row>
    <row r="265" spans="5:5" ht="13.5" hidden="1" customHeight="1" x14ac:dyDescent="0.25">
      <c r="E265" s="37"/>
    </row>
    <row r="266" spans="5:5" ht="13.5" hidden="1" customHeight="1" x14ac:dyDescent="0.25">
      <c r="E266" s="37"/>
    </row>
    <row r="267" spans="5:5" ht="13.5" hidden="1" customHeight="1" x14ac:dyDescent="0.25">
      <c r="E267" s="37"/>
    </row>
    <row r="268" spans="5:5" ht="13.5" hidden="1" customHeight="1" x14ac:dyDescent="0.25">
      <c r="E268" s="37"/>
    </row>
    <row r="269" spans="5:5" ht="13.5" hidden="1" customHeight="1" x14ac:dyDescent="0.25">
      <c r="E269" s="37"/>
    </row>
    <row r="270" spans="5:5" ht="13.5" hidden="1" customHeight="1" x14ac:dyDescent="0.25">
      <c r="E270" s="37"/>
    </row>
    <row r="271" spans="5:5" ht="13.5" hidden="1" customHeight="1" x14ac:dyDescent="0.25">
      <c r="E271" s="37"/>
    </row>
    <row r="272" spans="5:5" ht="13.5" hidden="1" customHeight="1" x14ac:dyDescent="0.25">
      <c r="E272" s="37"/>
    </row>
    <row r="273" spans="5:5" ht="13.5" hidden="1" customHeight="1" x14ac:dyDescent="0.25">
      <c r="E273" s="37"/>
    </row>
    <row r="274" spans="5:5" ht="13.5" hidden="1" customHeight="1" x14ac:dyDescent="0.25">
      <c r="E274" s="37"/>
    </row>
    <row r="275" spans="5:5" ht="13.5" hidden="1" customHeight="1" x14ac:dyDescent="0.25">
      <c r="E275" s="37"/>
    </row>
    <row r="276" spans="5:5" ht="13.5" hidden="1" customHeight="1" x14ac:dyDescent="0.25">
      <c r="E276" s="37"/>
    </row>
    <row r="277" spans="5:5" ht="13.5" hidden="1" customHeight="1" x14ac:dyDescent="0.25">
      <c r="E277" s="37"/>
    </row>
    <row r="278" spans="5:5" ht="13.5" hidden="1" customHeight="1" x14ac:dyDescent="0.25">
      <c r="E278" s="37"/>
    </row>
    <row r="279" spans="5:5" ht="13.5" hidden="1" customHeight="1" x14ac:dyDescent="0.25">
      <c r="E279" s="37"/>
    </row>
    <row r="280" spans="5:5" ht="13.5" hidden="1" customHeight="1" x14ac:dyDescent="0.25">
      <c r="E280" s="37"/>
    </row>
    <row r="281" spans="5:5" ht="13.5" hidden="1" customHeight="1" x14ac:dyDescent="0.25">
      <c r="E281" s="37"/>
    </row>
    <row r="282" spans="5:5" ht="13.5" hidden="1" customHeight="1" x14ac:dyDescent="0.25">
      <c r="E282" s="37"/>
    </row>
    <row r="283" spans="5:5" ht="13.5" hidden="1" customHeight="1" x14ac:dyDescent="0.25">
      <c r="E283" s="37"/>
    </row>
    <row r="284" spans="5:5" ht="13.5" hidden="1" customHeight="1" x14ac:dyDescent="0.25">
      <c r="E284" s="37"/>
    </row>
    <row r="285" spans="5:5" ht="13.5" hidden="1" customHeight="1" x14ac:dyDescent="0.25">
      <c r="E285" s="37"/>
    </row>
    <row r="286" spans="5:5" ht="13.5" hidden="1" customHeight="1" x14ac:dyDescent="0.25">
      <c r="E286" s="37"/>
    </row>
    <row r="287" spans="5:5" ht="13.5" hidden="1" customHeight="1" x14ac:dyDescent="0.25">
      <c r="E287" s="37"/>
    </row>
    <row r="288" spans="5:5" ht="13.5" hidden="1" customHeight="1" x14ac:dyDescent="0.25">
      <c r="E288" s="37"/>
    </row>
    <row r="289" spans="5:5" ht="13.5" hidden="1" customHeight="1" x14ac:dyDescent="0.25">
      <c r="E289" s="37"/>
    </row>
    <row r="290" spans="5:5" ht="13.5" hidden="1" customHeight="1" x14ac:dyDescent="0.25">
      <c r="E290" s="37"/>
    </row>
    <row r="291" spans="5:5" ht="13.5" hidden="1" customHeight="1" x14ac:dyDescent="0.25">
      <c r="E291" s="37"/>
    </row>
    <row r="292" spans="5:5" ht="13.5" hidden="1" customHeight="1" x14ac:dyDescent="0.25">
      <c r="E292" s="37"/>
    </row>
    <row r="293" spans="5:5" ht="13.5" hidden="1" customHeight="1" x14ac:dyDescent="0.25">
      <c r="E293" s="37"/>
    </row>
    <row r="294" spans="5:5" ht="13.5" hidden="1" customHeight="1" x14ac:dyDescent="0.25">
      <c r="E294" s="37"/>
    </row>
    <row r="295" spans="5:5" ht="13.5" hidden="1" customHeight="1" x14ac:dyDescent="0.25">
      <c r="E295" s="37"/>
    </row>
    <row r="296" spans="5:5" ht="13.5" hidden="1" customHeight="1" x14ac:dyDescent="0.25">
      <c r="E296" s="37"/>
    </row>
    <row r="297" spans="5:5" ht="13.5" hidden="1" customHeight="1" x14ac:dyDescent="0.25">
      <c r="E297" s="37"/>
    </row>
    <row r="298" spans="5:5" ht="13.5" hidden="1" customHeight="1" x14ac:dyDescent="0.25">
      <c r="E298" s="37"/>
    </row>
    <row r="299" spans="5:5" ht="13.5" hidden="1" customHeight="1" x14ac:dyDescent="0.25">
      <c r="E299" s="37"/>
    </row>
    <row r="300" spans="5:5" ht="13.5" hidden="1" customHeight="1" x14ac:dyDescent="0.25">
      <c r="E300" s="37"/>
    </row>
    <row r="301" spans="5:5" ht="13.5" hidden="1" customHeight="1" x14ac:dyDescent="0.25">
      <c r="E301" s="37"/>
    </row>
    <row r="302" spans="5:5" ht="13.5" hidden="1" customHeight="1" x14ac:dyDescent="0.25">
      <c r="E302" s="37"/>
    </row>
    <row r="303" spans="5:5" ht="13.5" hidden="1" customHeight="1" x14ac:dyDescent="0.25">
      <c r="E303" s="37"/>
    </row>
    <row r="304" spans="5:5" ht="13.5" hidden="1" customHeight="1" x14ac:dyDescent="0.25">
      <c r="E304" s="37"/>
    </row>
    <row r="305" spans="5:5" ht="13.5" hidden="1" customHeight="1" x14ac:dyDescent="0.25">
      <c r="E305" s="37"/>
    </row>
    <row r="306" spans="5:5" ht="13.5" hidden="1" customHeight="1" x14ac:dyDescent="0.25">
      <c r="E306" s="37"/>
    </row>
    <row r="307" spans="5:5" ht="13.5" hidden="1" customHeight="1" x14ac:dyDescent="0.25">
      <c r="E307" s="37"/>
    </row>
    <row r="308" spans="5:5" ht="13.5" hidden="1" customHeight="1" x14ac:dyDescent="0.25">
      <c r="E308" s="37"/>
    </row>
    <row r="309" spans="5:5" ht="13.5" hidden="1" customHeight="1" x14ac:dyDescent="0.25">
      <c r="E309" s="37"/>
    </row>
    <row r="310" spans="5:5" ht="13.5" hidden="1" customHeight="1" x14ac:dyDescent="0.25">
      <c r="E310" s="37"/>
    </row>
    <row r="311" spans="5:5" ht="13.5" hidden="1" customHeight="1" x14ac:dyDescent="0.25">
      <c r="E311" s="37"/>
    </row>
    <row r="312" spans="5:5" ht="13.5" hidden="1" customHeight="1" x14ac:dyDescent="0.25">
      <c r="E312" s="37"/>
    </row>
    <row r="313" spans="5:5" ht="13.5" hidden="1" customHeight="1" x14ac:dyDescent="0.25">
      <c r="E313" s="37"/>
    </row>
    <row r="314" spans="5:5" ht="13.5" hidden="1" customHeight="1" x14ac:dyDescent="0.25">
      <c r="E314" s="37"/>
    </row>
    <row r="315" spans="5:5" ht="13.5" hidden="1" customHeight="1" x14ac:dyDescent="0.25">
      <c r="E315" s="37"/>
    </row>
    <row r="316" spans="5:5" ht="13.5" hidden="1" customHeight="1" x14ac:dyDescent="0.25">
      <c r="E316" s="37"/>
    </row>
    <row r="317" spans="5:5" ht="13.5" hidden="1" customHeight="1" x14ac:dyDescent="0.25">
      <c r="E317" s="37"/>
    </row>
    <row r="318" spans="5:5" ht="13.5" hidden="1" customHeight="1" x14ac:dyDescent="0.25">
      <c r="E318" s="37"/>
    </row>
    <row r="319" spans="5:5" ht="13.5" hidden="1" customHeight="1" x14ac:dyDescent="0.25">
      <c r="E319" s="37"/>
    </row>
    <row r="320" spans="5:5" ht="13.5" hidden="1" customHeight="1" x14ac:dyDescent="0.25">
      <c r="E320" s="37"/>
    </row>
    <row r="321" spans="5:5" ht="13.5" hidden="1" customHeight="1" x14ac:dyDescent="0.25">
      <c r="E321" s="37"/>
    </row>
    <row r="322" spans="5:5" ht="13.5" hidden="1" customHeight="1" x14ac:dyDescent="0.25">
      <c r="E322" s="37"/>
    </row>
    <row r="323" spans="5:5" ht="13.5" hidden="1" customHeight="1" x14ac:dyDescent="0.25">
      <c r="E323" s="37"/>
    </row>
    <row r="324" spans="5:5" ht="13.5" hidden="1" customHeight="1" x14ac:dyDescent="0.25">
      <c r="E324" s="37"/>
    </row>
    <row r="325" spans="5:5" ht="13.5" hidden="1" customHeight="1" x14ac:dyDescent="0.25">
      <c r="E325" s="37"/>
    </row>
    <row r="326" spans="5:5" ht="13.5" hidden="1" customHeight="1" x14ac:dyDescent="0.25">
      <c r="E326" s="37"/>
    </row>
    <row r="327" spans="5:5" ht="13.5" hidden="1" customHeight="1" x14ac:dyDescent="0.25">
      <c r="E327" s="37"/>
    </row>
    <row r="328" spans="5:5" ht="13.5" hidden="1" customHeight="1" x14ac:dyDescent="0.25">
      <c r="E328" s="37"/>
    </row>
    <row r="329" spans="5:5" ht="13.5" hidden="1" customHeight="1" x14ac:dyDescent="0.25">
      <c r="E329" s="37"/>
    </row>
    <row r="330" spans="5:5" ht="13.5" hidden="1" customHeight="1" x14ac:dyDescent="0.25">
      <c r="E330" s="37"/>
    </row>
    <row r="331" spans="5:5" ht="13.5" hidden="1" customHeight="1" x14ac:dyDescent="0.25">
      <c r="E331" s="37"/>
    </row>
    <row r="332" spans="5:5" ht="13.5" hidden="1" customHeight="1" x14ac:dyDescent="0.25">
      <c r="E332" s="37"/>
    </row>
    <row r="333" spans="5:5" ht="13.5" hidden="1" customHeight="1" x14ac:dyDescent="0.25">
      <c r="E333" s="37"/>
    </row>
    <row r="334" spans="5:5" ht="13.5" hidden="1" customHeight="1" x14ac:dyDescent="0.25">
      <c r="E334" s="37"/>
    </row>
    <row r="335" spans="5:5" ht="13.5" hidden="1" customHeight="1" x14ac:dyDescent="0.25">
      <c r="E335" s="37"/>
    </row>
    <row r="336" spans="5:5" ht="13.5" hidden="1" customHeight="1" x14ac:dyDescent="0.25">
      <c r="E336" s="37"/>
    </row>
    <row r="337" spans="5:5" ht="13.5" hidden="1" customHeight="1" x14ac:dyDescent="0.25">
      <c r="E337" s="37"/>
    </row>
    <row r="338" spans="5:5" ht="13.5" hidden="1" customHeight="1" x14ac:dyDescent="0.25">
      <c r="E338" s="37"/>
    </row>
    <row r="339" spans="5:5" ht="13.5" hidden="1" customHeight="1" x14ac:dyDescent="0.25">
      <c r="E339" s="37"/>
    </row>
    <row r="340" spans="5:5" ht="13.5" hidden="1" customHeight="1" x14ac:dyDescent="0.25">
      <c r="E340" s="37"/>
    </row>
    <row r="341" spans="5:5" ht="13.5" hidden="1" customHeight="1" x14ac:dyDescent="0.25">
      <c r="E341" s="37"/>
    </row>
    <row r="342" spans="5:5" ht="13.5" hidden="1" customHeight="1" x14ac:dyDescent="0.25">
      <c r="E342" s="37"/>
    </row>
    <row r="343" spans="5:5" ht="13.5" hidden="1" customHeight="1" x14ac:dyDescent="0.25">
      <c r="E343" s="37"/>
    </row>
    <row r="344" spans="5:5" ht="13.5" hidden="1" customHeight="1" x14ac:dyDescent="0.25">
      <c r="E344" s="37"/>
    </row>
    <row r="345" spans="5:5" ht="13.5" hidden="1" customHeight="1" x14ac:dyDescent="0.25">
      <c r="E345" s="37"/>
    </row>
    <row r="346" spans="5:5" ht="13.5" hidden="1" customHeight="1" x14ac:dyDescent="0.25">
      <c r="E346" s="37"/>
    </row>
    <row r="347" spans="5:5" ht="13.5" hidden="1" customHeight="1" x14ac:dyDescent="0.25">
      <c r="E347" s="37"/>
    </row>
    <row r="348" spans="5:5" ht="13.5" hidden="1" customHeight="1" x14ac:dyDescent="0.25">
      <c r="E348" s="37"/>
    </row>
    <row r="349" spans="5:5" ht="13.5" hidden="1" customHeight="1" x14ac:dyDescent="0.25">
      <c r="E349" s="37"/>
    </row>
    <row r="350" spans="5:5" ht="13.5" hidden="1" customHeight="1" x14ac:dyDescent="0.25">
      <c r="E350" s="37"/>
    </row>
    <row r="351" spans="5:5" ht="13.5" hidden="1" customHeight="1" x14ac:dyDescent="0.25">
      <c r="E351" s="37"/>
    </row>
    <row r="352" spans="5:5" ht="13.5" hidden="1" customHeight="1" x14ac:dyDescent="0.25">
      <c r="E352" s="37"/>
    </row>
    <row r="353" spans="5:5" ht="13.5" hidden="1" customHeight="1" x14ac:dyDescent="0.25">
      <c r="E353" s="37"/>
    </row>
    <row r="354" spans="5:5" ht="13.5" hidden="1" customHeight="1" x14ac:dyDescent="0.25">
      <c r="E354" s="37"/>
    </row>
    <row r="355" spans="5:5" ht="13.5" hidden="1" customHeight="1" x14ac:dyDescent="0.25">
      <c r="E355" s="37"/>
    </row>
    <row r="356" spans="5:5" ht="13.5" hidden="1" customHeight="1" x14ac:dyDescent="0.25">
      <c r="E356" s="37"/>
    </row>
    <row r="357" spans="5:5" ht="13.5" hidden="1" customHeight="1" x14ac:dyDescent="0.25">
      <c r="E357" s="37"/>
    </row>
    <row r="358" spans="5:5" ht="13.5" hidden="1" customHeight="1" x14ac:dyDescent="0.25">
      <c r="E358" s="37"/>
    </row>
    <row r="359" spans="5:5" ht="13.5" hidden="1" customHeight="1" x14ac:dyDescent="0.25">
      <c r="E359" s="37"/>
    </row>
    <row r="360" spans="5:5" ht="13.5" hidden="1" customHeight="1" x14ac:dyDescent="0.25">
      <c r="E360" s="37"/>
    </row>
    <row r="361" spans="5:5" ht="13.5" hidden="1" customHeight="1" x14ac:dyDescent="0.25">
      <c r="E361" s="37"/>
    </row>
    <row r="362" spans="5:5" ht="13.5" hidden="1" customHeight="1" x14ac:dyDescent="0.25">
      <c r="E362" s="37"/>
    </row>
    <row r="363" spans="5:5" ht="13.5" hidden="1" customHeight="1" x14ac:dyDescent="0.25">
      <c r="E363" s="37"/>
    </row>
    <row r="364" spans="5:5" ht="13.5" hidden="1" customHeight="1" x14ac:dyDescent="0.25">
      <c r="E364" s="37"/>
    </row>
    <row r="365" spans="5:5" ht="13.5" hidden="1" customHeight="1" x14ac:dyDescent="0.25">
      <c r="E365" s="37"/>
    </row>
    <row r="366" spans="5:5" ht="13.5" hidden="1" customHeight="1" x14ac:dyDescent="0.25">
      <c r="E366" s="37"/>
    </row>
    <row r="367" spans="5:5" ht="13.5" hidden="1" customHeight="1" x14ac:dyDescent="0.25">
      <c r="E367" s="37"/>
    </row>
    <row r="368" spans="5:5" ht="13.5" hidden="1" customHeight="1" x14ac:dyDescent="0.25">
      <c r="E368" s="37"/>
    </row>
    <row r="369" spans="5:5" ht="13.5" hidden="1" customHeight="1" x14ac:dyDescent="0.25">
      <c r="E369" s="37"/>
    </row>
    <row r="370" spans="5:5" ht="13.5" hidden="1" customHeight="1" x14ac:dyDescent="0.25">
      <c r="E370" s="37"/>
    </row>
    <row r="371" spans="5:5" ht="13.5" hidden="1" customHeight="1" x14ac:dyDescent="0.25">
      <c r="E371" s="37"/>
    </row>
    <row r="372" spans="5:5" ht="13.5" hidden="1" customHeight="1" x14ac:dyDescent="0.25">
      <c r="E372" s="37"/>
    </row>
    <row r="373" spans="5:5" ht="13.5" hidden="1" customHeight="1" x14ac:dyDescent="0.25">
      <c r="E373" s="37"/>
    </row>
    <row r="374" spans="5:5" ht="13.5" hidden="1" customHeight="1" x14ac:dyDescent="0.25">
      <c r="E374" s="37"/>
    </row>
    <row r="375" spans="5:5" ht="13.5" hidden="1" customHeight="1" x14ac:dyDescent="0.25">
      <c r="E375" s="37"/>
    </row>
    <row r="376" spans="5:5" ht="13.5" hidden="1" customHeight="1" x14ac:dyDescent="0.25">
      <c r="E376" s="37"/>
    </row>
    <row r="377" spans="5:5" ht="13.5" hidden="1" customHeight="1" x14ac:dyDescent="0.25">
      <c r="E377" s="37"/>
    </row>
    <row r="378" spans="5:5" ht="13.5" hidden="1" customHeight="1" x14ac:dyDescent="0.25">
      <c r="E378" s="37"/>
    </row>
    <row r="379" spans="5:5" ht="13.5" hidden="1" customHeight="1" x14ac:dyDescent="0.25">
      <c r="E379" s="37"/>
    </row>
    <row r="380" spans="5:5" ht="13.5" hidden="1" customHeight="1" x14ac:dyDescent="0.25">
      <c r="E380" s="37"/>
    </row>
    <row r="381" spans="5:5" ht="13.5" hidden="1" customHeight="1" x14ac:dyDescent="0.25">
      <c r="E381" s="37"/>
    </row>
    <row r="382" spans="5:5" ht="13.5" hidden="1" customHeight="1" x14ac:dyDescent="0.25">
      <c r="E382" s="37"/>
    </row>
    <row r="383" spans="5:5" ht="13.5" hidden="1" customHeight="1" x14ac:dyDescent="0.25">
      <c r="E383" s="37"/>
    </row>
    <row r="384" spans="5:5" ht="13.5" hidden="1" customHeight="1" x14ac:dyDescent="0.25">
      <c r="E384" s="37"/>
    </row>
    <row r="385" spans="5:5" ht="13.5" hidden="1" customHeight="1" x14ac:dyDescent="0.25">
      <c r="E385" s="37"/>
    </row>
    <row r="386" spans="5:5" ht="13.5" hidden="1" customHeight="1" x14ac:dyDescent="0.25">
      <c r="E386" s="37"/>
    </row>
    <row r="387" spans="5:5" ht="13.5" hidden="1" customHeight="1" x14ac:dyDescent="0.25">
      <c r="E387" s="37"/>
    </row>
    <row r="388" spans="5:5" ht="13.5" hidden="1" customHeight="1" x14ac:dyDescent="0.25">
      <c r="E388" s="37"/>
    </row>
    <row r="389" spans="5:5" ht="13.5" hidden="1" customHeight="1" x14ac:dyDescent="0.25">
      <c r="E389" s="37"/>
    </row>
    <row r="390" spans="5:5" ht="13.5" hidden="1" customHeight="1" x14ac:dyDescent="0.25">
      <c r="E390" s="37"/>
    </row>
    <row r="391" spans="5:5" ht="13.5" hidden="1" customHeight="1" x14ac:dyDescent="0.25">
      <c r="E391" s="37"/>
    </row>
    <row r="392" spans="5:5" ht="13.5" hidden="1" customHeight="1" x14ac:dyDescent="0.25">
      <c r="E392" s="37"/>
    </row>
    <row r="393" spans="5:5" ht="13.5" hidden="1" customHeight="1" x14ac:dyDescent="0.25">
      <c r="E393" s="37"/>
    </row>
    <row r="394" spans="5:5" ht="13.5" hidden="1" customHeight="1" x14ac:dyDescent="0.25">
      <c r="E394" s="37"/>
    </row>
    <row r="395" spans="5:5" ht="13.5" hidden="1" customHeight="1" x14ac:dyDescent="0.25">
      <c r="E395" s="37"/>
    </row>
    <row r="396" spans="5:5" ht="13.5" hidden="1" customHeight="1" x14ac:dyDescent="0.25">
      <c r="E396" s="37"/>
    </row>
    <row r="397" spans="5:5" ht="13.5" hidden="1" customHeight="1" x14ac:dyDescent="0.25">
      <c r="E397" s="37"/>
    </row>
    <row r="398" spans="5:5" ht="13.5" hidden="1" customHeight="1" x14ac:dyDescent="0.25">
      <c r="E398" s="37"/>
    </row>
    <row r="399" spans="5:5" ht="13.5" hidden="1" customHeight="1" x14ac:dyDescent="0.25">
      <c r="E399" s="37"/>
    </row>
    <row r="400" spans="5:5" ht="13.5" hidden="1" customHeight="1" x14ac:dyDescent="0.25">
      <c r="E400" s="37"/>
    </row>
    <row r="401" spans="5:5" ht="13.5" hidden="1" customHeight="1" x14ac:dyDescent="0.25">
      <c r="E401" s="37"/>
    </row>
    <row r="402" spans="5:5" ht="13.5" hidden="1" customHeight="1" x14ac:dyDescent="0.25">
      <c r="E402" s="37"/>
    </row>
    <row r="403" spans="5:5" ht="13.5" hidden="1" customHeight="1" x14ac:dyDescent="0.25">
      <c r="E403" s="37"/>
    </row>
    <row r="404" spans="5:5" ht="13.5" hidden="1" customHeight="1" x14ac:dyDescent="0.25">
      <c r="E404" s="37"/>
    </row>
    <row r="405" spans="5:5" ht="13.5" hidden="1" customHeight="1" x14ac:dyDescent="0.25">
      <c r="E405" s="37"/>
    </row>
    <row r="406" spans="5:5" ht="13.5" hidden="1" customHeight="1" x14ac:dyDescent="0.25">
      <c r="E406" s="37"/>
    </row>
    <row r="407" spans="5:5" ht="13.5" hidden="1" customHeight="1" x14ac:dyDescent="0.25">
      <c r="E407" s="37"/>
    </row>
    <row r="408" spans="5:5" ht="13.5" hidden="1" customHeight="1" x14ac:dyDescent="0.25">
      <c r="E408" s="37"/>
    </row>
    <row r="409" spans="5:5" ht="13.5" hidden="1" customHeight="1" x14ac:dyDescent="0.25">
      <c r="E409" s="37"/>
    </row>
    <row r="410" spans="5:5" ht="13.5" hidden="1" customHeight="1" x14ac:dyDescent="0.25">
      <c r="E410" s="37"/>
    </row>
    <row r="411" spans="5:5" ht="13.5" hidden="1" customHeight="1" x14ac:dyDescent="0.25">
      <c r="E411" s="37"/>
    </row>
    <row r="412" spans="5:5" ht="13.5" hidden="1" customHeight="1" x14ac:dyDescent="0.25">
      <c r="E412" s="37"/>
    </row>
    <row r="413" spans="5:5" ht="13.5" hidden="1" customHeight="1" x14ac:dyDescent="0.25">
      <c r="E413" s="37"/>
    </row>
    <row r="414" spans="5:5" ht="13.5" hidden="1" customHeight="1" x14ac:dyDescent="0.25">
      <c r="E414" s="37"/>
    </row>
    <row r="415" spans="5:5" ht="13.5" hidden="1" customHeight="1" x14ac:dyDescent="0.25">
      <c r="E415" s="37"/>
    </row>
    <row r="416" spans="5:5" ht="13.5" hidden="1" customHeight="1" x14ac:dyDescent="0.25">
      <c r="E416" s="37"/>
    </row>
    <row r="417" spans="5:5" ht="13.5" hidden="1" customHeight="1" x14ac:dyDescent="0.25">
      <c r="E417" s="37"/>
    </row>
    <row r="418" spans="5:5" ht="13.5" hidden="1" customHeight="1" x14ac:dyDescent="0.25">
      <c r="E418" s="37"/>
    </row>
    <row r="419" spans="5:5" ht="13.5" hidden="1" customHeight="1" x14ac:dyDescent="0.25">
      <c r="E419" s="37"/>
    </row>
    <row r="420" spans="5:5" ht="13.5" hidden="1" customHeight="1" x14ac:dyDescent="0.25">
      <c r="E420" s="37"/>
    </row>
    <row r="421" spans="5:5" ht="13.5" hidden="1" customHeight="1" x14ac:dyDescent="0.25">
      <c r="E421" s="37"/>
    </row>
    <row r="422" spans="5:5" ht="13.5" hidden="1" customHeight="1" x14ac:dyDescent="0.25">
      <c r="E422" s="37"/>
    </row>
    <row r="423" spans="5:5" ht="13.5" hidden="1" customHeight="1" x14ac:dyDescent="0.25">
      <c r="E423" s="37"/>
    </row>
    <row r="424" spans="5:5" ht="13.5" hidden="1" customHeight="1" x14ac:dyDescent="0.25">
      <c r="E424" s="37"/>
    </row>
    <row r="425" spans="5:5" ht="13.5" hidden="1" customHeight="1" x14ac:dyDescent="0.25">
      <c r="E425" s="37"/>
    </row>
    <row r="426" spans="5:5" ht="13.5" hidden="1" customHeight="1" x14ac:dyDescent="0.25">
      <c r="E426" s="37"/>
    </row>
    <row r="427" spans="5:5" ht="13.5" hidden="1" customHeight="1" x14ac:dyDescent="0.25">
      <c r="E427" s="37"/>
    </row>
    <row r="428" spans="5:5" ht="13.5" hidden="1" customHeight="1" x14ac:dyDescent="0.25">
      <c r="E428" s="37"/>
    </row>
    <row r="429" spans="5:5" ht="13.5" hidden="1" customHeight="1" x14ac:dyDescent="0.25">
      <c r="E429" s="37"/>
    </row>
    <row r="430" spans="5:5" ht="13.5" hidden="1" customHeight="1" x14ac:dyDescent="0.25">
      <c r="E430" s="37"/>
    </row>
    <row r="431" spans="5:5" ht="13.5" hidden="1" customHeight="1" x14ac:dyDescent="0.25">
      <c r="E431" s="37"/>
    </row>
    <row r="432" spans="5:5" ht="13.5" hidden="1" customHeight="1" x14ac:dyDescent="0.25">
      <c r="E432" s="37"/>
    </row>
    <row r="433" spans="5:5" ht="13.5" hidden="1" customHeight="1" x14ac:dyDescent="0.25">
      <c r="E433" s="37"/>
    </row>
    <row r="434" spans="5:5" ht="13.5" hidden="1" customHeight="1" x14ac:dyDescent="0.25">
      <c r="E434" s="37"/>
    </row>
    <row r="435" spans="5:5" ht="13.5" hidden="1" customHeight="1" x14ac:dyDescent="0.25">
      <c r="E435" s="37"/>
    </row>
    <row r="436" spans="5:5" ht="13.5" hidden="1" customHeight="1" x14ac:dyDescent="0.25">
      <c r="E436" s="37"/>
    </row>
    <row r="437" spans="5:5" ht="13.5" hidden="1" customHeight="1" x14ac:dyDescent="0.25">
      <c r="E437" s="37"/>
    </row>
    <row r="438" spans="5:5" ht="13.5" hidden="1" customHeight="1" x14ac:dyDescent="0.25">
      <c r="E438" s="37"/>
    </row>
    <row r="439" spans="5:5" ht="13.5" hidden="1" customHeight="1" x14ac:dyDescent="0.25">
      <c r="E439" s="37"/>
    </row>
    <row r="440" spans="5:5" ht="13.5" hidden="1" customHeight="1" x14ac:dyDescent="0.25">
      <c r="E440" s="37"/>
    </row>
    <row r="441" spans="5:5" ht="13.5" hidden="1" customHeight="1" x14ac:dyDescent="0.25">
      <c r="E441" s="37"/>
    </row>
    <row r="442" spans="5:5" ht="13.5" hidden="1" customHeight="1" x14ac:dyDescent="0.25">
      <c r="E442" s="37"/>
    </row>
    <row r="443" spans="5:5" ht="13.5" hidden="1" customHeight="1" x14ac:dyDescent="0.25">
      <c r="E443" s="37"/>
    </row>
    <row r="444" spans="5:5" ht="13.5" hidden="1" customHeight="1" x14ac:dyDescent="0.25">
      <c r="E444" s="37"/>
    </row>
    <row r="445" spans="5:5" ht="13.5" hidden="1" customHeight="1" x14ac:dyDescent="0.25">
      <c r="E445" s="37"/>
    </row>
    <row r="446" spans="5:5" ht="13.5" hidden="1" customHeight="1" x14ac:dyDescent="0.25">
      <c r="E446" s="37"/>
    </row>
    <row r="447" spans="5:5" ht="13.5" hidden="1" customHeight="1" x14ac:dyDescent="0.25">
      <c r="E447" s="37"/>
    </row>
    <row r="448" spans="5:5" ht="13.5" hidden="1" customHeight="1" x14ac:dyDescent="0.25">
      <c r="E448" s="37"/>
    </row>
    <row r="449" spans="5:5" ht="13.5" hidden="1" customHeight="1" x14ac:dyDescent="0.25">
      <c r="E449" s="37"/>
    </row>
    <row r="450" spans="5:5" ht="13.5" hidden="1" customHeight="1" x14ac:dyDescent="0.25">
      <c r="E450" s="37"/>
    </row>
    <row r="451" spans="5:5" ht="13.5" hidden="1" customHeight="1" x14ac:dyDescent="0.25">
      <c r="E451" s="37"/>
    </row>
    <row r="452" spans="5:5" ht="13.5" hidden="1" customHeight="1" x14ac:dyDescent="0.25">
      <c r="E452" s="37"/>
    </row>
    <row r="453" spans="5:5" ht="13.5" hidden="1" customHeight="1" x14ac:dyDescent="0.25">
      <c r="E453" s="37"/>
    </row>
    <row r="454" spans="5:5" ht="13.5" hidden="1" customHeight="1" x14ac:dyDescent="0.25">
      <c r="E454" s="37"/>
    </row>
    <row r="455" spans="5:5" ht="13.5" hidden="1" customHeight="1" x14ac:dyDescent="0.25">
      <c r="E455" s="37"/>
    </row>
    <row r="456" spans="5:5" ht="13.5" hidden="1" customHeight="1" x14ac:dyDescent="0.25">
      <c r="E456" s="37"/>
    </row>
    <row r="457" spans="5:5" ht="13.5" hidden="1" customHeight="1" x14ac:dyDescent="0.25">
      <c r="E457" s="37"/>
    </row>
    <row r="458" spans="5:5" ht="13.5" hidden="1" customHeight="1" x14ac:dyDescent="0.25">
      <c r="E458" s="37"/>
    </row>
    <row r="459" spans="5:5" ht="13.5" hidden="1" customHeight="1" x14ac:dyDescent="0.25">
      <c r="E459" s="37"/>
    </row>
    <row r="460" spans="5:5" ht="13.5" hidden="1" customHeight="1" x14ac:dyDescent="0.25">
      <c r="E460" s="37"/>
    </row>
    <row r="461" spans="5:5" ht="13.5" hidden="1" customHeight="1" x14ac:dyDescent="0.25">
      <c r="E461" s="37"/>
    </row>
    <row r="462" spans="5:5" ht="13.5" hidden="1" customHeight="1" x14ac:dyDescent="0.25">
      <c r="E462" s="37"/>
    </row>
    <row r="463" spans="5:5" ht="13.5" hidden="1" customHeight="1" x14ac:dyDescent="0.25">
      <c r="E463" s="37"/>
    </row>
    <row r="464" spans="5:5" ht="13.5" hidden="1" customHeight="1" x14ac:dyDescent="0.25">
      <c r="E464" s="37"/>
    </row>
    <row r="465" spans="5:5" ht="13.5" hidden="1" customHeight="1" x14ac:dyDescent="0.25">
      <c r="E465" s="37"/>
    </row>
    <row r="466" spans="5:5" ht="13.5" hidden="1" customHeight="1" x14ac:dyDescent="0.25">
      <c r="E466" s="37"/>
    </row>
    <row r="467" spans="5:5" ht="13.5" hidden="1" customHeight="1" x14ac:dyDescent="0.25">
      <c r="E467" s="37"/>
    </row>
    <row r="468" spans="5:5" ht="13.5" hidden="1" customHeight="1" x14ac:dyDescent="0.25">
      <c r="E468" s="37"/>
    </row>
    <row r="469" spans="5:5" ht="13.5" hidden="1" customHeight="1" x14ac:dyDescent="0.25">
      <c r="E469" s="37"/>
    </row>
    <row r="470" spans="5:5" ht="13.5" hidden="1" customHeight="1" x14ac:dyDescent="0.25">
      <c r="E470" s="37"/>
    </row>
    <row r="471" spans="5:5" ht="13.5" hidden="1" customHeight="1" x14ac:dyDescent="0.25">
      <c r="E471" s="37"/>
    </row>
    <row r="472" spans="5:5" ht="13.5" hidden="1" customHeight="1" x14ac:dyDescent="0.25">
      <c r="E472" s="37"/>
    </row>
    <row r="473" spans="5:5" ht="13.5" hidden="1" customHeight="1" x14ac:dyDescent="0.25">
      <c r="E473" s="37"/>
    </row>
    <row r="474" spans="5:5" ht="13.5" hidden="1" customHeight="1" x14ac:dyDescent="0.25">
      <c r="E474" s="37"/>
    </row>
    <row r="475" spans="5:5" ht="13.5" hidden="1" customHeight="1" x14ac:dyDescent="0.25">
      <c r="E475" s="37"/>
    </row>
    <row r="476" spans="5:5" ht="13.5" hidden="1" customHeight="1" x14ac:dyDescent="0.25">
      <c r="E476" s="37"/>
    </row>
    <row r="477" spans="5:5" ht="13.5" hidden="1" customHeight="1" x14ac:dyDescent="0.25">
      <c r="E477" s="37"/>
    </row>
    <row r="478" spans="5:5" ht="13.5" hidden="1" customHeight="1" x14ac:dyDescent="0.25">
      <c r="E478" s="37"/>
    </row>
    <row r="479" spans="5:5" ht="13.5" hidden="1" customHeight="1" x14ac:dyDescent="0.25">
      <c r="E479" s="37"/>
    </row>
    <row r="480" spans="5:5" ht="13.5" hidden="1" customHeight="1" x14ac:dyDescent="0.25">
      <c r="E480" s="37"/>
    </row>
    <row r="481" spans="5:5" ht="13.5" hidden="1" customHeight="1" x14ac:dyDescent="0.25">
      <c r="E481" s="37"/>
    </row>
    <row r="482" spans="5:5" ht="13.5" hidden="1" customHeight="1" x14ac:dyDescent="0.25">
      <c r="E482" s="37"/>
    </row>
    <row r="483" spans="5:5" ht="13.5" hidden="1" customHeight="1" x14ac:dyDescent="0.25">
      <c r="E483" s="37"/>
    </row>
    <row r="484" spans="5:5" ht="13.5" hidden="1" customHeight="1" x14ac:dyDescent="0.25">
      <c r="E484" s="37"/>
    </row>
    <row r="485" spans="5:5" ht="13.5" hidden="1" customHeight="1" x14ac:dyDescent="0.25">
      <c r="E485" s="37"/>
    </row>
    <row r="486" spans="5:5" ht="13.5" hidden="1" customHeight="1" x14ac:dyDescent="0.25">
      <c r="E486" s="37"/>
    </row>
    <row r="487" spans="5:5" ht="13.5" hidden="1" customHeight="1" x14ac:dyDescent="0.25">
      <c r="E487" s="37"/>
    </row>
    <row r="488" spans="5:5" ht="13.5" hidden="1" customHeight="1" x14ac:dyDescent="0.25">
      <c r="E488" s="37"/>
    </row>
    <row r="489" spans="5:5" ht="13.5" hidden="1" customHeight="1" x14ac:dyDescent="0.25">
      <c r="E489" s="37"/>
    </row>
    <row r="490" spans="5:5" ht="13.5" hidden="1" customHeight="1" x14ac:dyDescent="0.25">
      <c r="E490" s="37"/>
    </row>
    <row r="491" spans="5:5" ht="13.5" hidden="1" customHeight="1" x14ac:dyDescent="0.25">
      <c r="E491" s="37"/>
    </row>
    <row r="492" spans="5:5" ht="13.5" hidden="1" customHeight="1" x14ac:dyDescent="0.25">
      <c r="E492" s="37"/>
    </row>
    <row r="493" spans="5:5" ht="13.5" hidden="1" customHeight="1" x14ac:dyDescent="0.25">
      <c r="E493" s="37"/>
    </row>
    <row r="494" spans="5:5" ht="13.5" hidden="1" customHeight="1" x14ac:dyDescent="0.25">
      <c r="E494" s="37"/>
    </row>
    <row r="495" spans="5:5" ht="13.5" hidden="1" customHeight="1" x14ac:dyDescent="0.25">
      <c r="E495" s="37"/>
    </row>
    <row r="496" spans="5:5" ht="13.5" hidden="1" customHeight="1" x14ac:dyDescent="0.25">
      <c r="E496" s="37"/>
    </row>
    <row r="497" spans="5:5" ht="13.5" hidden="1" customHeight="1" x14ac:dyDescent="0.25">
      <c r="E497" s="37"/>
    </row>
    <row r="498" spans="5:5" ht="13.5" hidden="1" customHeight="1" x14ac:dyDescent="0.25">
      <c r="E498" s="37"/>
    </row>
    <row r="499" spans="5:5" ht="13.5" hidden="1" customHeight="1" x14ac:dyDescent="0.25">
      <c r="E499" s="37"/>
    </row>
    <row r="500" spans="5:5" ht="13.5" hidden="1" customHeight="1" x14ac:dyDescent="0.25">
      <c r="E500" s="37"/>
    </row>
    <row r="501" spans="5:5" ht="13.5" hidden="1" customHeight="1" x14ac:dyDescent="0.25">
      <c r="E501" s="37"/>
    </row>
    <row r="502" spans="5:5" ht="13.5" hidden="1" customHeight="1" x14ac:dyDescent="0.25">
      <c r="E502" s="37"/>
    </row>
    <row r="503" spans="5:5" ht="13.5" hidden="1" customHeight="1" x14ac:dyDescent="0.25">
      <c r="E503" s="37"/>
    </row>
    <row r="504" spans="5:5" ht="13.5" hidden="1" customHeight="1" x14ac:dyDescent="0.25">
      <c r="E504" s="37"/>
    </row>
    <row r="505" spans="5:5" ht="13.5" hidden="1" customHeight="1" x14ac:dyDescent="0.25">
      <c r="E505" s="37"/>
    </row>
    <row r="506" spans="5:5" ht="13.5" hidden="1" customHeight="1" x14ac:dyDescent="0.25">
      <c r="E506" s="37"/>
    </row>
    <row r="507" spans="5:5" ht="13.5" hidden="1" customHeight="1" x14ac:dyDescent="0.25">
      <c r="E507" s="37"/>
    </row>
    <row r="508" spans="5:5" ht="13.5" hidden="1" customHeight="1" x14ac:dyDescent="0.25">
      <c r="E508" s="37"/>
    </row>
    <row r="509" spans="5:5" ht="13.5" hidden="1" customHeight="1" x14ac:dyDescent="0.25">
      <c r="E509" s="37"/>
    </row>
    <row r="510" spans="5:5" ht="13.5" hidden="1" customHeight="1" x14ac:dyDescent="0.25">
      <c r="E510" s="37"/>
    </row>
    <row r="511" spans="5:5" ht="13.5" hidden="1" customHeight="1" x14ac:dyDescent="0.25">
      <c r="E511" s="37"/>
    </row>
    <row r="512" spans="5:5" ht="13.5" hidden="1" customHeight="1" x14ac:dyDescent="0.25">
      <c r="E512" s="37"/>
    </row>
    <row r="513" spans="5:5" ht="13.5" hidden="1" customHeight="1" x14ac:dyDescent="0.25">
      <c r="E513" s="37"/>
    </row>
    <row r="514" spans="5:5" ht="13.5" hidden="1" customHeight="1" x14ac:dyDescent="0.25">
      <c r="E514" s="37"/>
    </row>
    <row r="515" spans="5:5" ht="13.5" hidden="1" customHeight="1" x14ac:dyDescent="0.25">
      <c r="E515" s="37"/>
    </row>
    <row r="516" spans="5:5" ht="13.5" hidden="1" customHeight="1" x14ac:dyDescent="0.25">
      <c r="E516" s="37"/>
    </row>
    <row r="517" spans="5:5" ht="13.5" hidden="1" customHeight="1" x14ac:dyDescent="0.25">
      <c r="E517" s="37"/>
    </row>
    <row r="518" spans="5:5" ht="13.5" hidden="1" customHeight="1" x14ac:dyDescent="0.25">
      <c r="E518" s="37"/>
    </row>
    <row r="519" spans="5:5" ht="13.5" hidden="1" customHeight="1" x14ac:dyDescent="0.25">
      <c r="E519" s="37"/>
    </row>
    <row r="520" spans="5:5" ht="13.5" hidden="1" customHeight="1" x14ac:dyDescent="0.25">
      <c r="E520" s="37"/>
    </row>
    <row r="521" spans="5:5" ht="13.5" hidden="1" customHeight="1" x14ac:dyDescent="0.25">
      <c r="E521" s="37"/>
    </row>
    <row r="522" spans="5:5" ht="13.5" hidden="1" customHeight="1" x14ac:dyDescent="0.25">
      <c r="E522" s="37"/>
    </row>
    <row r="523" spans="5:5" ht="13.5" hidden="1" customHeight="1" x14ac:dyDescent="0.25">
      <c r="E523" s="37"/>
    </row>
    <row r="524" spans="5:5" ht="13.5" hidden="1" customHeight="1" x14ac:dyDescent="0.25">
      <c r="E524" s="37"/>
    </row>
    <row r="525" spans="5:5" ht="13.5" hidden="1" customHeight="1" x14ac:dyDescent="0.25">
      <c r="E525" s="37"/>
    </row>
    <row r="526" spans="5:5" ht="13.5" hidden="1" customHeight="1" x14ac:dyDescent="0.25">
      <c r="E526" s="37"/>
    </row>
    <row r="527" spans="5:5" ht="13.5" hidden="1" customHeight="1" x14ac:dyDescent="0.25">
      <c r="E527" s="37"/>
    </row>
    <row r="528" spans="5:5" ht="13.5" hidden="1" customHeight="1" x14ac:dyDescent="0.25">
      <c r="E528" s="37"/>
    </row>
    <row r="529" spans="5:5" ht="13.5" hidden="1" customHeight="1" x14ac:dyDescent="0.25">
      <c r="E529" s="37"/>
    </row>
    <row r="530" spans="5:5" ht="13.5" hidden="1" customHeight="1" x14ac:dyDescent="0.25">
      <c r="E530" s="37"/>
    </row>
    <row r="531" spans="5:5" ht="13.5" hidden="1" customHeight="1" x14ac:dyDescent="0.25">
      <c r="E531" s="37"/>
    </row>
    <row r="532" spans="5:5" ht="13.5" hidden="1" customHeight="1" x14ac:dyDescent="0.25">
      <c r="E532" s="37"/>
    </row>
    <row r="533" spans="5:5" ht="13.5" hidden="1" customHeight="1" x14ac:dyDescent="0.25">
      <c r="E533" s="37"/>
    </row>
    <row r="534" spans="5:5" ht="13.5" hidden="1" customHeight="1" x14ac:dyDescent="0.25">
      <c r="E534" s="37"/>
    </row>
    <row r="535" spans="5:5" ht="13.5" hidden="1" customHeight="1" x14ac:dyDescent="0.25">
      <c r="E535" s="37"/>
    </row>
    <row r="536" spans="5:5" ht="13.5" hidden="1" customHeight="1" x14ac:dyDescent="0.25">
      <c r="E536" s="37"/>
    </row>
    <row r="537" spans="5:5" ht="13.5" hidden="1" customHeight="1" x14ac:dyDescent="0.25">
      <c r="E537" s="37"/>
    </row>
    <row r="538" spans="5:5" ht="13.5" hidden="1" customHeight="1" x14ac:dyDescent="0.25">
      <c r="E538" s="37"/>
    </row>
    <row r="539" spans="5:5" ht="13.5" hidden="1" customHeight="1" x14ac:dyDescent="0.25">
      <c r="E539" s="37"/>
    </row>
    <row r="540" spans="5:5" ht="13.5" hidden="1" customHeight="1" x14ac:dyDescent="0.25">
      <c r="E540" s="37"/>
    </row>
    <row r="541" spans="5:5" ht="13.5" hidden="1" customHeight="1" x14ac:dyDescent="0.25">
      <c r="E541" s="37"/>
    </row>
    <row r="542" spans="5:5" ht="13.5" hidden="1" customHeight="1" x14ac:dyDescent="0.25">
      <c r="E542" s="37"/>
    </row>
    <row r="543" spans="5:5" ht="13.5" hidden="1" customHeight="1" x14ac:dyDescent="0.25">
      <c r="E543" s="37"/>
    </row>
    <row r="544" spans="5:5" ht="13.5" hidden="1" customHeight="1" x14ac:dyDescent="0.25">
      <c r="E544" s="37"/>
    </row>
    <row r="545" spans="5:5" ht="13.5" hidden="1" customHeight="1" x14ac:dyDescent="0.25">
      <c r="E545" s="37"/>
    </row>
    <row r="546" spans="5:5" ht="13.5" hidden="1" customHeight="1" x14ac:dyDescent="0.25">
      <c r="E546" s="37"/>
    </row>
    <row r="547" spans="5:5" ht="13.5" hidden="1" customHeight="1" x14ac:dyDescent="0.25">
      <c r="E547" s="37"/>
    </row>
    <row r="548" spans="5:5" ht="13.5" hidden="1" customHeight="1" x14ac:dyDescent="0.25">
      <c r="E548" s="37"/>
    </row>
    <row r="549" spans="5:5" ht="13.5" hidden="1" customHeight="1" x14ac:dyDescent="0.25">
      <c r="E549" s="37"/>
    </row>
    <row r="550" spans="5:5" ht="13.5" hidden="1" customHeight="1" x14ac:dyDescent="0.25">
      <c r="E550" s="37"/>
    </row>
    <row r="551" spans="5:5" ht="13.5" hidden="1" customHeight="1" x14ac:dyDescent="0.25">
      <c r="E551" s="37"/>
    </row>
    <row r="552" spans="5:5" ht="13.5" hidden="1" customHeight="1" x14ac:dyDescent="0.25">
      <c r="E552" s="37"/>
    </row>
    <row r="553" spans="5:5" ht="13.5" hidden="1" customHeight="1" x14ac:dyDescent="0.25">
      <c r="E553" s="37"/>
    </row>
    <row r="554" spans="5:5" ht="13.5" hidden="1" customHeight="1" x14ac:dyDescent="0.25">
      <c r="E554" s="37"/>
    </row>
    <row r="555" spans="5:5" ht="13.5" hidden="1" customHeight="1" x14ac:dyDescent="0.25">
      <c r="E555" s="37"/>
    </row>
    <row r="556" spans="5:5" ht="13.5" hidden="1" customHeight="1" x14ac:dyDescent="0.25">
      <c r="E556" s="37"/>
    </row>
    <row r="557" spans="5:5" ht="13.5" hidden="1" customHeight="1" x14ac:dyDescent="0.25">
      <c r="E557" s="37"/>
    </row>
    <row r="558" spans="5:5" ht="13.5" hidden="1" customHeight="1" x14ac:dyDescent="0.25">
      <c r="E558" s="37"/>
    </row>
    <row r="559" spans="5:5" ht="13.5" hidden="1" customHeight="1" x14ac:dyDescent="0.25">
      <c r="E559" s="37"/>
    </row>
    <row r="560" spans="5:5" ht="13.5" hidden="1" customHeight="1" x14ac:dyDescent="0.25">
      <c r="E560" s="37"/>
    </row>
    <row r="561" spans="5:5" ht="13.5" hidden="1" customHeight="1" x14ac:dyDescent="0.25">
      <c r="E561" s="37"/>
    </row>
    <row r="562" spans="5:5" ht="13.5" hidden="1" customHeight="1" x14ac:dyDescent="0.25">
      <c r="E562" s="37"/>
    </row>
    <row r="563" spans="5:5" ht="13.5" hidden="1" customHeight="1" x14ac:dyDescent="0.25">
      <c r="E563" s="37"/>
    </row>
    <row r="564" spans="5:5" ht="13.5" hidden="1" customHeight="1" x14ac:dyDescent="0.25">
      <c r="E564" s="37"/>
    </row>
    <row r="565" spans="5:5" ht="13.5" hidden="1" customHeight="1" x14ac:dyDescent="0.25">
      <c r="E565" s="37"/>
    </row>
    <row r="566" spans="5:5" ht="13.5" hidden="1" customHeight="1" x14ac:dyDescent="0.25">
      <c r="E566" s="37"/>
    </row>
    <row r="567" spans="5:5" ht="13.5" hidden="1" customHeight="1" x14ac:dyDescent="0.25">
      <c r="E567" s="37"/>
    </row>
    <row r="568" spans="5:5" ht="13.5" hidden="1" customHeight="1" x14ac:dyDescent="0.25">
      <c r="E568" s="37"/>
    </row>
    <row r="569" spans="5:5" ht="13.5" hidden="1" customHeight="1" x14ac:dyDescent="0.25">
      <c r="E569" s="37"/>
    </row>
    <row r="570" spans="5:5" ht="13.5" hidden="1" customHeight="1" x14ac:dyDescent="0.25">
      <c r="E570" s="37"/>
    </row>
    <row r="571" spans="5:5" ht="13.5" hidden="1" customHeight="1" x14ac:dyDescent="0.25">
      <c r="E571" s="37"/>
    </row>
    <row r="572" spans="5:5" ht="13.5" hidden="1" customHeight="1" x14ac:dyDescent="0.25">
      <c r="E572" s="37"/>
    </row>
    <row r="573" spans="5:5" ht="13.5" hidden="1" customHeight="1" x14ac:dyDescent="0.25">
      <c r="E573" s="37"/>
    </row>
    <row r="574" spans="5:5" ht="13.5" hidden="1" customHeight="1" x14ac:dyDescent="0.25">
      <c r="E574" s="37"/>
    </row>
    <row r="575" spans="5:5" ht="13.5" hidden="1" customHeight="1" x14ac:dyDescent="0.25">
      <c r="E575" s="37"/>
    </row>
    <row r="576" spans="5:5" ht="13.5" hidden="1" customHeight="1" x14ac:dyDescent="0.25">
      <c r="E576" s="37"/>
    </row>
    <row r="577" spans="5:5" ht="13.5" hidden="1" customHeight="1" x14ac:dyDescent="0.25">
      <c r="E577" s="37"/>
    </row>
    <row r="578" spans="5:5" ht="13.5" hidden="1" customHeight="1" x14ac:dyDescent="0.25">
      <c r="E578" s="37"/>
    </row>
    <row r="579" spans="5:5" ht="13.5" hidden="1" customHeight="1" x14ac:dyDescent="0.25">
      <c r="E579" s="37"/>
    </row>
    <row r="580" spans="5:5" ht="13.5" hidden="1" customHeight="1" x14ac:dyDescent="0.25">
      <c r="E580" s="37"/>
    </row>
    <row r="581" spans="5:5" ht="13.5" hidden="1" customHeight="1" x14ac:dyDescent="0.25">
      <c r="E581" s="37"/>
    </row>
    <row r="582" spans="5:5" ht="13.5" hidden="1" customHeight="1" x14ac:dyDescent="0.25">
      <c r="E582" s="37"/>
    </row>
    <row r="583" spans="5:5" ht="13.5" hidden="1" customHeight="1" x14ac:dyDescent="0.25">
      <c r="E583" s="37"/>
    </row>
    <row r="584" spans="5:5" ht="13.5" hidden="1" customHeight="1" x14ac:dyDescent="0.25">
      <c r="E584" s="37"/>
    </row>
    <row r="585" spans="5:5" ht="13.5" hidden="1" customHeight="1" x14ac:dyDescent="0.25">
      <c r="E585" s="37"/>
    </row>
    <row r="586" spans="5:5" ht="13.5" hidden="1" customHeight="1" x14ac:dyDescent="0.25">
      <c r="E586" s="37"/>
    </row>
    <row r="587" spans="5:5" ht="13.5" hidden="1" customHeight="1" x14ac:dyDescent="0.25">
      <c r="E587" s="37"/>
    </row>
    <row r="588" spans="5:5" ht="13.5" hidden="1" customHeight="1" x14ac:dyDescent="0.25">
      <c r="E588" s="37"/>
    </row>
    <row r="589" spans="5:5" ht="13.5" hidden="1" customHeight="1" x14ac:dyDescent="0.25">
      <c r="E589" s="37"/>
    </row>
    <row r="590" spans="5:5" ht="13.5" hidden="1" customHeight="1" x14ac:dyDescent="0.25">
      <c r="E590" s="37"/>
    </row>
    <row r="591" spans="5:5" ht="13.5" hidden="1" customHeight="1" x14ac:dyDescent="0.25">
      <c r="E591" s="37"/>
    </row>
    <row r="592" spans="5:5" ht="13.5" hidden="1" customHeight="1" x14ac:dyDescent="0.25">
      <c r="E592" s="37"/>
    </row>
    <row r="593" spans="5:5" ht="13.5" hidden="1" customHeight="1" x14ac:dyDescent="0.25">
      <c r="E593" s="37"/>
    </row>
    <row r="594" spans="5:5" ht="13.5" hidden="1" customHeight="1" x14ac:dyDescent="0.25">
      <c r="E594" s="37"/>
    </row>
    <row r="595" spans="5:5" ht="13.5" hidden="1" customHeight="1" x14ac:dyDescent="0.25">
      <c r="E595" s="37"/>
    </row>
    <row r="596" spans="5:5" ht="13.5" hidden="1" customHeight="1" x14ac:dyDescent="0.25">
      <c r="E596" s="37"/>
    </row>
    <row r="597" spans="5:5" ht="13.5" hidden="1" customHeight="1" x14ac:dyDescent="0.25">
      <c r="E597" s="37"/>
    </row>
    <row r="598" spans="5:5" ht="13.5" hidden="1" customHeight="1" x14ac:dyDescent="0.25">
      <c r="E598" s="37"/>
    </row>
    <row r="599" spans="5:5" ht="13.5" hidden="1" customHeight="1" x14ac:dyDescent="0.25">
      <c r="E599" s="37"/>
    </row>
    <row r="600" spans="5:5" ht="13.5" hidden="1" customHeight="1" x14ac:dyDescent="0.25">
      <c r="E600" s="37"/>
    </row>
    <row r="601" spans="5:5" ht="13.5" hidden="1" customHeight="1" x14ac:dyDescent="0.25">
      <c r="E601" s="37"/>
    </row>
    <row r="602" spans="5:5" ht="13.5" hidden="1" customHeight="1" x14ac:dyDescent="0.25">
      <c r="E602" s="37"/>
    </row>
    <row r="603" spans="5:5" ht="13.5" hidden="1" customHeight="1" x14ac:dyDescent="0.25">
      <c r="E603" s="37"/>
    </row>
    <row r="604" spans="5:5" ht="13.5" hidden="1" customHeight="1" x14ac:dyDescent="0.25">
      <c r="E604" s="37"/>
    </row>
    <row r="605" spans="5:5" ht="13.5" hidden="1" customHeight="1" x14ac:dyDescent="0.25">
      <c r="E605" s="37"/>
    </row>
    <row r="606" spans="5:5" ht="13.5" hidden="1" customHeight="1" x14ac:dyDescent="0.25">
      <c r="E606" s="37"/>
    </row>
    <row r="607" spans="5:5" ht="13.5" hidden="1" customHeight="1" x14ac:dyDescent="0.25">
      <c r="E607" s="37"/>
    </row>
    <row r="608" spans="5:5" ht="13.5" hidden="1" customHeight="1" x14ac:dyDescent="0.25">
      <c r="E608" s="37"/>
    </row>
    <row r="609" spans="5:5" ht="13.5" hidden="1" customHeight="1" x14ac:dyDescent="0.25">
      <c r="E609" s="37"/>
    </row>
    <row r="610" spans="5:5" ht="13.5" hidden="1" customHeight="1" x14ac:dyDescent="0.25">
      <c r="E610" s="37"/>
    </row>
    <row r="611" spans="5:5" ht="13.5" hidden="1" customHeight="1" x14ac:dyDescent="0.25">
      <c r="E611" s="37"/>
    </row>
    <row r="612" spans="5:5" ht="13.5" hidden="1" customHeight="1" x14ac:dyDescent="0.25">
      <c r="E612" s="37"/>
    </row>
    <row r="613" spans="5:5" ht="13.5" hidden="1" customHeight="1" x14ac:dyDescent="0.25">
      <c r="E613" s="37"/>
    </row>
    <row r="614" spans="5:5" ht="13.5" hidden="1" customHeight="1" x14ac:dyDescent="0.25">
      <c r="E614" s="37"/>
    </row>
    <row r="615" spans="5:5" ht="13.5" hidden="1" customHeight="1" x14ac:dyDescent="0.25">
      <c r="E615" s="37"/>
    </row>
    <row r="616" spans="5:5" ht="13.5" hidden="1" customHeight="1" x14ac:dyDescent="0.25">
      <c r="E616" s="37"/>
    </row>
    <row r="617" spans="5:5" ht="13.5" hidden="1" customHeight="1" x14ac:dyDescent="0.25">
      <c r="E617" s="37"/>
    </row>
    <row r="618" spans="5:5" ht="13.5" hidden="1" customHeight="1" x14ac:dyDescent="0.25">
      <c r="E618" s="37"/>
    </row>
    <row r="619" spans="5:5" ht="13.5" hidden="1" customHeight="1" x14ac:dyDescent="0.25">
      <c r="E619" s="37"/>
    </row>
    <row r="620" spans="5:5" ht="13.5" hidden="1" customHeight="1" x14ac:dyDescent="0.25">
      <c r="E620" s="37"/>
    </row>
    <row r="621" spans="5:5" ht="13.5" hidden="1" customHeight="1" x14ac:dyDescent="0.25">
      <c r="E621" s="37"/>
    </row>
    <row r="622" spans="5:5" ht="13.5" hidden="1" customHeight="1" x14ac:dyDescent="0.25">
      <c r="E622" s="37"/>
    </row>
    <row r="623" spans="5:5" ht="13.5" hidden="1" customHeight="1" x14ac:dyDescent="0.25">
      <c r="E623" s="37"/>
    </row>
    <row r="624" spans="5:5" ht="13.5" hidden="1" customHeight="1" x14ac:dyDescent="0.25">
      <c r="E624" s="37"/>
    </row>
    <row r="625" spans="5:5" ht="13.5" hidden="1" customHeight="1" x14ac:dyDescent="0.25">
      <c r="E625" s="37"/>
    </row>
    <row r="626" spans="5:5" ht="13.5" hidden="1" customHeight="1" x14ac:dyDescent="0.25">
      <c r="E626" s="37"/>
    </row>
    <row r="627" spans="5:5" ht="13.5" hidden="1" customHeight="1" x14ac:dyDescent="0.25">
      <c r="E627" s="37"/>
    </row>
    <row r="628" spans="5:5" ht="13.5" hidden="1" customHeight="1" x14ac:dyDescent="0.25">
      <c r="E628" s="37"/>
    </row>
    <row r="629" spans="5:5" ht="13.5" hidden="1" customHeight="1" x14ac:dyDescent="0.25">
      <c r="E629" s="37"/>
    </row>
    <row r="630" spans="5:5" ht="13.5" hidden="1" customHeight="1" x14ac:dyDescent="0.25">
      <c r="E630" s="37"/>
    </row>
    <row r="631" spans="5:5" ht="13.5" hidden="1" customHeight="1" x14ac:dyDescent="0.25">
      <c r="E631" s="37"/>
    </row>
    <row r="632" spans="5:5" ht="13.5" hidden="1" customHeight="1" x14ac:dyDescent="0.25">
      <c r="E632" s="37"/>
    </row>
    <row r="633" spans="5:5" ht="13.5" hidden="1" customHeight="1" x14ac:dyDescent="0.25">
      <c r="E633" s="37"/>
    </row>
    <row r="634" spans="5:5" ht="13.5" hidden="1" customHeight="1" x14ac:dyDescent="0.25">
      <c r="E634" s="37"/>
    </row>
    <row r="635" spans="5:5" ht="13.5" hidden="1" customHeight="1" x14ac:dyDescent="0.25">
      <c r="E635" s="37"/>
    </row>
    <row r="636" spans="5:5" ht="13.5" hidden="1" customHeight="1" x14ac:dyDescent="0.25">
      <c r="E636" s="37"/>
    </row>
    <row r="637" spans="5:5" ht="13.5" hidden="1" customHeight="1" x14ac:dyDescent="0.25">
      <c r="E637" s="37"/>
    </row>
    <row r="638" spans="5:5" ht="13.5" hidden="1" customHeight="1" x14ac:dyDescent="0.25">
      <c r="E638" s="37"/>
    </row>
    <row r="639" spans="5:5" ht="13.5" hidden="1" customHeight="1" x14ac:dyDescent="0.25">
      <c r="E639" s="37"/>
    </row>
    <row r="640" spans="5:5" ht="13.5" hidden="1" customHeight="1" x14ac:dyDescent="0.25">
      <c r="E640" s="37"/>
    </row>
    <row r="641" spans="5:5" ht="13.5" hidden="1" customHeight="1" x14ac:dyDescent="0.25">
      <c r="E641" s="37"/>
    </row>
    <row r="642" spans="5:5" ht="13.5" hidden="1" customHeight="1" x14ac:dyDescent="0.25">
      <c r="E642" s="37"/>
    </row>
    <row r="643" spans="5:5" ht="13.5" hidden="1" customHeight="1" x14ac:dyDescent="0.25">
      <c r="E643" s="37"/>
    </row>
    <row r="644" spans="5:5" ht="13.5" hidden="1" customHeight="1" x14ac:dyDescent="0.25">
      <c r="E644" s="37"/>
    </row>
    <row r="645" spans="5:5" ht="13.5" hidden="1" customHeight="1" x14ac:dyDescent="0.25">
      <c r="E645" s="37"/>
    </row>
    <row r="646" spans="5:5" ht="13.5" hidden="1" customHeight="1" x14ac:dyDescent="0.25">
      <c r="E646" s="37"/>
    </row>
    <row r="647" spans="5:5" ht="13.5" hidden="1" customHeight="1" x14ac:dyDescent="0.25">
      <c r="E647" s="37"/>
    </row>
    <row r="648" spans="5:5" ht="13.5" hidden="1" customHeight="1" x14ac:dyDescent="0.25">
      <c r="E648" s="37"/>
    </row>
    <row r="649" spans="5:5" ht="13.5" hidden="1" customHeight="1" x14ac:dyDescent="0.25">
      <c r="E649" s="37"/>
    </row>
    <row r="650" spans="5:5" ht="13.5" hidden="1" customHeight="1" x14ac:dyDescent="0.25">
      <c r="E650" s="37"/>
    </row>
    <row r="651" spans="5:5" ht="13.5" hidden="1" customHeight="1" x14ac:dyDescent="0.25">
      <c r="E651" s="37"/>
    </row>
    <row r="652" spans="5:5" ht="13.5" hidden="1" customHeight="1" x14ac:dyDescent="0.25">
      <c r="E652" s="37"/>
    </row>
    <row r="653" spans="5:5" ht="13.5" hidden="1" customHeight="1" x14ac:dyDescent="0.25">
      <c r="E653" s="37"/>
    </row>
    <row r="654" spans="5:5" ht="13.5" hidden="1" customHeight="1" x14ac:dyDescent="0.25">
      <c r="E654" s="37"/>
    </row>
    <row r="655" spans="5:5" ht="13.5" hidden="1" customHeight="1" x14ac:dyDescent="0.25">
      <c r="E655" s="37"/>
    </row>
    <row r="656" spans="5:5" ht="13.5" hidden="1" customHeight="1" x14ac:dyDescent="0.25">
      <c r="E656" s="37"/>
    </row>
    <row r="657" spans="5:5" ht="13.5" hidden="1" customHeight="1" x14ac:dyDescent="0.25">
      <c r="E657" s="37"/>
    </row>
    <row r="658" spans="5:5" ht="13.5" hidden="1" customHeight="1" x14ac:dyDescent="0.25">
      <c r="E658" s="37"/>
    </row>
    <row r="659" spans="5:5" ht="13.5" hidden="1" customHeight="1" x14ac:dyDescent="0.25">
      <c r="E659" s="37"/>
    </row>
    <row r="660" spans="5:5" ht="13.5" hidden="1" customHeight="1" x14ac:dyDescent="0.25">
      <c r="E660" s="37"/>
    </row>
    <row r="661" spans="5:5" ht="13.5" hidden="1" customHeight="1" x14ac:dyDescent="0.25">
      <c r="E661" s="37"/>
    </row>
    <row r="662" spans="5:5" ht="13.5" hidden="1" customHeight="1" x14ac:dyDescent="0.25">
      <c r="E662" s="37"/>
    </row>
    <row r="663" spans="5:5" ht="13.5" hidden="1" customHeight="1" x14ac:dyDescent="0.25">
      <c r="E663" s="37"/>
    </row>
    <row r="664" spans="5:5" ht="13.5" hidden="1" customHeight="1" x14ac:dyDescent="0.25">
      <c r="E664" s="37"/>
    </row>
    <row r="665" spans="5:5" ht="13.5" hidden="1" customHeight="1" x14ac:dyDescent="0.25">
      <c r="E665" s="37"/>
    </row>
    <row r="666" spans="5:5" ht="13.5" hidden="1" customHeight="1" x14ac:dyDescent="0.25">
      <c r="E666" s="37"/>
    </row>
    <row r="667" spans="5:5" ht="13.5" hidden="1" customHeight="1" x14ac:dyDescent="0.25">
      <c r="E667" s="37"/>
    </row>
    <row r="668" spans="5:5" ht="13.5" hidden="1" customHeight="1" x14ac:dyDescent="0.25">
      <c r="E668" s="37"/>
    </row>
    <row r="669" spans="5:5" ht="13.5" hidden="1" customHeight="1" x14ac:dyDescent="0.25">
      <c r="E669" s="37"/>
    </row>
    <row r="670" spans="5:5" ht="13.5" hidden="1" customHeight="1" x14ac:dyDescent="0.25">
      <c r="E670" s="37"/>
    </row>
    <row r="671" spans="5:5" ht="13.5" hidden="1" customHeight="1" x14ac:dyDescent="0.25">
      <c r="E671" s="37"/>
    </row>
    <row r="672" spans="5:5" ht="13.5" hidden="1" customHeight="1" x14ac:dyDescent="0.25">
      <c r="E672" s="37"/>
    </row>
    <row r="673" spans="5:5" ht="13.5" hidden="1" customHeight="1" x14ac:dyDescent="0.25">
      <c r="E673" s="37"/>
    </row>
    <row r="674" spans="5:5" ht="13.5" hidden="1" customHeight="1" x14ac:dyDescent="0.25">
      <c r="E674" s="37"/>
    </row>
    <row r="675" spans="5:5" ht="13.5" hidden="1" customHeight="1" x14ac:dyDescent="0.25">
      <c r="E675" s="37"/>
    </row>
    <row r="676" spans="5:5" ht="13.5" hidden="1" customHeight="1" x14ac:dyDescent="0.25">
      <c r="E676" s="37"/>
    </row>
    <row r="677" spans="5:5" ht="13.5" hidden="1" customHeight="1" x14ac:dyDescent="0.25">
      <c r="E677" s="37"/>
    </row>
    <row r="678" spans="5:5" ht="13.5" hidden="1" customHeight="1" x14ac:dyDescent="0.25">
      <c r="E678" s="37"/>
    </row>
    <row r="679" spans="5:5" ht="13.5" hidden="1" customHeight="1" x14ac:dyDescent="0.25">
      <c r="E679" s="37"/>
    </row>
    <row r="680" spans="5:5" ht="13.5" hidden="1" customHeight="1" x14ac:dyDescent="0.25">
      <c r="E680" s="37"/>
    </row>
    <row r="681" spans="5:5" ht="13.5" hidden="1" customHeight="1" x14ac:dyDescent="0.25">
      <c r="E681" s="37"/>
    </row>
    <row r="682" spans="5:5" ht="13.5" hidden="1" customHeight="1" x14ac:dyDescent="0.25">
      <c r="E682" s="37"/>
    </row>
    <row r="683" spans="5:5" ht="13.5" hidden="1" customHeight="1" x14ac:dyDescent="0.25">
      <c r="E683" s="37"/>
    </row>
    <row r="684" spans="5:5" ht="13.5" hidden="1" customHeight="1" x14ac:dyDescent="0.25">
      <c r="E684" s="37"/>
    </row>
    <row r="685" spans="5:5" ht="13.5" hidden="1" customHeight="1" x14ac:dyDescent="0.25">
      <c r="E685" s="37"/>
    </row>
    <row r="686" spans="5:5" ht="13.5" hidden="1" customHeight="1" x14ac:dyDescent="0.25">
      <c r="E686" s="37"/>
    </row>
    <row r="687" spans="5:5" ht="13.5" hidden="1" customHeight="1" x14ac:dyDescent="0.25">
      <c r="E687" s="37"/>
    </row>
    <row r="688" spans="5:5" ht="13.5" hidden="1" customHeight="1" x14ac:dyDescent="0.25">
      <c r="E688" s="37"/>
    </row>
    <row r="689" spans="5:5" ht="13.5" hidden="1" customHeight="1" x14ac:dyDescent="0.25">
      <c r="E689" s="37"/>
    </row>
    <row r="690" spans="5:5" ht="13.5" hidden="1" customHeight="1" x14ac:dyDescent="0.25">
      <c r="E690" s="37"/>
    </row>
    <row r="691" spans="5:5" ht="13.5" hidden="1" customHeight="1" x14ac:dyDescent="0.25">
      <c r="E691" s="37"/>
    </row>
    <row r="692" spans="5:5" ht="13.5" hidden="1" customHeight="1" x14ac:dyDescent="0.25">
      <c r="E692" s="37"/>
    </row>
    <row r="693" spans="5:5" ht="13.5" hidden="1" customHeight="1" x14ac:dyDescent="0.25">
      <c r="E693" s="37"/>
    </row>
    <row r="694" spans="5:5" ht="13.5" hidden="1" customHeight="1" x14ac:dyDescent="0.25">
      <c r="E694" s="37"/>
    </row>
    <row r="695" spans="5:5" ht="13.5" hidden="1" customHeight="1" x14ac:dyDescent="0.25">
      <c r="E695" s="37"/>
    </row>
    <row r="696" spans="5:5" ht="13.5" hidden="1" customHeight="1" x14ac:dyDescent="0.25">
      <c r="E696" s="37"/>
    </row>
    <row r="697" spans="5:5" ht="13.5" hidden="1" customHeight="1" x14ac:dyDescent="0.25">
      <c r="E697" s="37"/>
    </row>
    <row r="698" spans="5:5" ht="13.5" hidden="1" customHeight="1" x14ac:dyDescent="0.25">
      <c r="E698" s="37"/>
    </row>
    <row r="699" spans="5:5" ht="13.5" hidden="1" customHeight="1" x14ac:dyDescent="0.25">
      <c r="E699" s="37"/>
    </row>
    <row r="700" spans="5:5" ht="13.5" hidden="1" customHeight="1" x14ac:dyDescent="0.25">
      <c r="E700" s="37"/>
    </row>
    <row r="701" spans="5:5" ht="13.5" hidden="1" customHeight="1" x14ac:dyDescent="0.25">
      <c r="E701" s="37"/>
    </row>
    <row r="702" spans="5:5" ht="13.5" hidden="1" customHeight="1" x14ac:dyDescent="0.25">
      <c r="E702" s="37"/>
    </row>
    <row r="703" spans="5:5" ht="13.5" hidden="1" customHeight="1" x14ac:dyDescent="0.25">
      <c r="E703" s="37"/>
    </row>
    <row r="704" spans="5:5" ht="13.5" hidden="1" customHeight="1" x14ac:dyDescent="0.25">
      <c r="E704" s="37"/>
    </row>
    <row r="705" spans="5:5" ht="13.5" hidden="1" customHeight="1" x14ac:dyDescent="0.25">
      <c r="E705" s="37"/>
    </row>
    <row r="706" spans="5:5" ht="13.5" hidden="1" customHeight="1" x14ac:dyDescent="0.25">
      <c r="E706" s="37"/>
    </row>
    <row r="707" spans="5:5" ht="13.5" hidden="1" customHeight="1" x14ac:dyDescent="0.25">
      <c r="E707" s="37"/>
    </row>
    <row r="708" spans="5:5" ht="13.5" hidden="1" customHeight="1" x14ac:dyDescent="0.25">
      <c r="E708" s="37"/>
    </row>
    <row r="709" spans="5:5" ht="13.5" hidden="1" customHeight="1" x14ac:dyDescent="0.25">
      <c r="E709" s="37"/>
    </row>
    <row r="710" spans="5:5" ht="13.5" hidden="1" customHeight="1" x14ac:dyDescent="0.25">
      <c r="E710" s="37"/>
    </row>
    <row r="711" spans="5:5" ht="13.5" hidden="1" customHeight="1" x14ac:dyDescent="0.25">
      <c r="E711" s="37"/>
    </row>
    <row r="712" spans="5:5" ht="13.5" hidden="1" customHeight="1" x14ac:dyDescent="0.25">
      <c r="E712" s="37"/>
    </row>
    <row r="713" spans="5:5" ht="13.5" hidden="1" customHeight="1" x14ac:dyDescent="0.25">
      <c r="E713" s="37"/>
    </row>
    <row r="714" spans="5:5" ht="13.5" hidden="1" customHeight="1" x14ac:dyDescent="0.25">
      <c r="E714" s="37"/>
    </row>
    <row r="715" spans="5:5" ht="13.5" hidden="1" customHeight="1" x14ac:dyDescent="0.25">
      <c r="E715" s="37"/>
    </row>
    <row r="716" spans="5:5" ht="13.5" hidden="1" customHeight="1" x14ac:dyDescent="0.25">
      <c r="E716" s="37"/>
    </row>
    <row r="717" spans="5:5" ht="13.5" hidden="1" customHeight="1" x14ac:dyDescent="0.25">
      <c r="E717" s="37"/>
    </row>
    <row r="718" spans="5:5" ht="13.5" hidden="1" customHeight="1" x14ac:dyDescent="0.25">
      <c r="E718" s="37"/>
    </row>
    <row r="719" spans="5:5" ht="13.5" hidden="1" customHeight="1" x14ac:dyDescent="0.25">
      <c r="E719" s="37"/>
    </row>
    <row r="720" spans="5:5" ht="13.5" hidden="1" customHeight="1" x14ac:dyDescent="0.25">
      <c r="E720" s="37"/>
    </row>
    <row r="721" spans="5:5" ht="13.5" hidden="1" customHeight="1" x14ac:dyDescent="0.25">
      <c r="E721" s="37"/>
    </row>
    <row r="722" spans="5:5" ht="13.5" hidden="1" customHeight="1" x14ac:dyDescent="0.25">
      <c r="E722" s="37"/>
    </row>
    <row r="723" spans="5:5" ht="13.5" hidden="1" customHeight="1" x14ac:dyDescent="0.25">
      <c r="E723" s="37"/>
    </row>
    <row r="724" spans="5:5" ht="13.5" hidden="1" customHeight="1" x14ac:dyDescent="0.25">
      <c r="E724" s="37"/>
    </row>
    <row r="725" spans="5:5" ht="13.5" hidden="1" customHeight="1" x14ac:dyDescent="0.25">
      <c r="E725" s="37"/>
    </row>
    <row r="726" spans="5:5" ht="13.5" hidden="1" customHeight="1" x14ac:dyDescent="0.25">
      <c r="E726" s="37"/>
    </row>
    <row r="727" spans="5:5" ht="13.5" hidden="1" customHeight="1" x14ac:dyDescent="0.25">
      <c r="E727" s="37"/>
    </row>
    <row r="728" spans="5:5" ht="13.5" hidden="1" customHeight="1" x14ac:dyDescent="0.25">
      <c r="E728" s="37"/>
    </row>
    <row r="729" spans="5:5" ht="13.5" hidden="1" customHeight="1" x14ac:dyDescent="0.25">
      <c r="E729" s="37"/>
    </row>
    <row r="730" spans="5:5" ht="13.5" hidden="1" customHeight="1" x14ac:dyDescent="0.25">
      <c r="E730" s="37"/>
    </row>
    <row r="731" spans="5:5" ht="13.5" hidden="1" customHeight="1" x14ac:dyDescent="0.25">
      <c r="E731" s="37"/>
    </row>
    <row r="732" spans="5:5" ht="13.5" hidden="1" customHeight="1" x14ac:dyDescent="0.25">
      <c r="E732" s="37"/>
    </row>
    <row r="733" spans="5:5" ht="13.5" hidden="1" customHeight="1" x14ac:dyDescent="0.25">
      <c r="E733" s="37"/>
    </row>
    <row r="734" spans="5:5" ht="13.5" hidden="1" customHeight="1" x14ac:dyDescent="0.25">
      <c r="E734" s="37"/>
    </row>
    <row r="735" spans="5:5" ht="13.5" hidden="1" customHeight="1" x14ac:dyDescent="0.25">
      <c r="E735" s="37"/>
    </row>
    <row r="736" spans="5:5" ht="13.5" hidden="1" customHeight="1" x14ac:dyDescent="0.25">
      <c r="E736" s="37"/>
    </row>
    <row r="737" spans="5:5" ht="13.5" hidden="1" customHeight="1" x14ac:dyDescent="0.25">
      <c r="E737" s="37"/>
    </row>
    <row r="738" spans="5:5" ht="13.5" hidden="1" customHeight="1" x14ac:dyDescent="0.25">
      <c r="E738" s="37"/>
    </row>
    <row r="739" spans="5:5" ht="13.5" hidden="1" customHeight="1" x14ac:dyDescent="0.25">
      <c r="E739" s="37"/>
    </row>
    <row r="740" spans="5:5" ht="13.5" hidden="1" customHeight="1" x14ac:dyDescent="0.25">
      <c r="E740" s="37"/>
    </row>
    <row r="741" spans="5:5" ht="13.5" hidden="1" customHeight="1" x14ac:dyDescent="0.25">
      <c r="E741" s="37"/>
    </row>
    <row r="742" spans="5:5" ht="13.5" hidden="1" customHeight="1" x14ac:dyDescent="0.25">
      <c r="E742" s="37"/>
    </row>
    <row r="743" spans="5:5" ht="13.5" hidden="1" customHeight="1" x14ac:dyDescent="0.25">
      <c r="E743" s="37"/>
    </row>
    <row r="744" spans="5:5" ht="13.5" hidden="1" customHeight="1" x14ac:dyDescent="0.25">
      <c r="E744" s="37"/>
    </row>
    <row r="745" spans="5:5" ht="13.5" hidden="1" customHeight="1" x14ac:dyDescent="0.25">
      <c r="E745" s="37"/>
    </row>
    <row r="746" spans="5:5" ht="13.5" hidden="1" customHeight="1" x14ac:dyDescent="0.25">
      <c r="E746" s="37"/>
    </row>
    <row r="747" spans="5:5" ht="13.5" hidden="1" customHeight="1" x14ac:dyDescent="0.25">
      <c r="E747" s="37"/>
    </row>
    <row r="748" spans="5:5" ht="13.5" hidden="1" customHeight="1" x14ac:dyDescent="0.25">
      <c r="E748" s="37"/>
    </row>
    <row r="749" spans="5:5" ht="13.5" hidden="1" customHeight="1" x14ac:dyDescent="0.25">
      <c r="E749" s="37"/>
    </row>
    <row r="750" spans="5:5" ht="13.5" hidden="1" customHeight="1" x14ac:dyDescent="0.25">
      <c r="E750" s="37"/>
    </row>
    <row r="751" spans="5:5" ht="13.5" hidden="1" customHeight="1" x14ac:dyDescent="0.25">
      <c r="E751" s="37"/>
    </row>
    <row r="752" spans="5:5" ht="13.5" hidden="1" customHeight="1" x14ac:dyDescent="0.25">
      <c r="E752" s="37"/>
    </row>
    <row r="753" spans="5:5" ht="13.5" hidden="1" customHeight="1" x14ac:dyDescent="0.25">
      <c r="E753" s="37"/>
    </row>
    <row r="754" spans="5:5" ht="13.5" hidden="1" customHeight="1" x14ac:dyDescent="0.25">
      <c r="E754" s="37"/>
    </row>
    <row r="755" spans="5:5" ht="13.5" hidden="1" customHeight="1" x14ac:dyDescent="0.25">
      <c r="E755" s="37"/>
    </row>
    <row r="756" spans="5:5" ht="13.5" hidden="1" customHeight="1" x14ac:dyDescent="0.25">
      <c r="E756" s="37"/>
    </row>
    <row r="757" spans="5:5" ht="13.5" hidden="1" customHeight="1" x14ac:dyDescent="0.25">
      <c r="E757" s="37"/>
    </row>
    <row r="758" spans="5:5" ht="13.5" hidden="1" customHeight="1" x14ac:dyDescent="0.25">
      <c r="E758" s="37"/>
    </row>
    <row r="759" spans="5:5" ht="13.5" hidden="1" customHeight="1" x14ac:dyDescent="0.25">
      <c r="E759" s="37"/>
    </row>
    <row r="760" spans="5:5" ht="13.5" hidden="1" customHeight="1" x14ac:dyDescent="0.25">
      <c r="E760" s="37"/>
    </row>
    <row r="761" spans="5:5" ht="13.5" hidden="1" customHeight="1" x14ac:dyDescent="0.25">
      <c r="E761" s="37"/>
    </row>
    <row r="762" spans="5:5" ht="13.5" hidden="1" customHeight="1" x14ac:dyDescent="0.25">
      <c r="E762" s="37"/>
    </row>
    <row r="763" spans="5:5" ht="13.5" hidden="1" customHeight="1" x14ac:dyDescent="0.25">
      <c r="E763" s="37"/>
    </row>
    <row r="764" spans="5:5" ht="13.5" hidden="1" customHeight="1" x14ac:dyDescent="0.25">
      <c r="E764" s="37"/>
    </row>
    <row r="765" spans="5:5" ht="13.5" hidden="1" customHeight="1" x14ac:dyDescent="0.25">
      <c r="E765" s="37"/>
    </row>
    <row r="766" spans="5:5" ht="13.5" hidden="1" customHeight="1" x14ac:dyDescent="0.25">
      <c r="E766" s="37"/>
    </row>
    <row r="767" spans="5:5" ht="13.5" hidden="1" customHeight="1" x14ac:dyDescent="0.25">
      <c r="E767" s="37"/>
    </row>
    <row r="768" spans="5:5" ht="13.5" hidden="1" customHeight="1" x14ac:dyDescent="0.25">
      <c r="E768" s="37"/>
    </row>
    <row r="769" spans="5:5" ht="13.5" hidden="1" customHeight="1" x14ac:dyDescent="0.25">
      <c r="E769" s="37"/>
    </row>
    <row r="770" spans="5:5" ht="13.5" hidden="1" customHeight="1" x14ac:dyDescent="0.25">
      <c r="E770" s="37"/>
    </row>
    <row r="771" spans="5:5" ht="13.5" hidden="1" customHeight="1" x14ac:dyDescent="0.25">
      <c r="E771" s="37"/>
    </row>
    <row r="772" spans="5:5" ht="13.5" hidden="1" customHeight="1" x14ac:dyDescent="0.25">
      <c r="E772" s="37"/>
    </row>
    <row r="773" spans="5:5" ht="13.5" hidden="1" customHeight="1" x14ac:dyDescent="0.25">
      <c r="E773" s="37"/>
    </row>
    <row r="774" spans="5:5" ht="13.5" hidden="1" customHeight="1" x14ac:dyDescent="0.25">
      <c r="E774" s="37"/>
    </row>
    <row r="775" spans="5:5" ht="13.5" hidden="1" customHeight="1" x14ac:dyDescent="0.25">
      <c r="E775" s="37"/>
    </row>
    <row r="776" spans="5:5" ht="13.5" hidden="1" customHeight="1" x14ac:dyDescent="0.25">
      <c r="E776" s="37"/>
    </row>
    <row r="777" spans="5:5" ht="13.5" hidden="1" customHeight="1" x14ac:dyDescent="0.25">
      <c r="E777" s="37"/>
    </row>
    <row r="778" spans="5:5" ht="13.5" hidden="1" customHeight="1" x14ac:dyDescent="0.25">
      <c r="E778" s="37"/>
    </row>
    <row r="779" spans="5:5" ht="13.5" hidden="1" customHeight="1" x14ac:dyDescent="0.25">
      <c r="E779" s="37"/>
    </row>
    <row r="780" spans="5:5" ht="13.5" hidden="1" customHeight="1" x14ac:dyDescent="0.25">
      <c r="E780" s="37"/>
    </row>
    <row r="781" spans="5:5" ht="13.5" hidden="1" customHeight="1" x14ac:dyDescent="0.25">
      <c r="E781" s="37"/>
    </row>
    <row r="782" spans="5:5" ht="13.5" hidden="1" customHeight="1" x14ac:dyDescent="0.25">
      <c r="E782" s="37"/>
    </row>
    <row r="783" spans="5:5" ht="13.5" hidden="1" customHeight="1" x14ac:dyDescent="0.25">
      <c r="E783" s="37"/>
    </row>
    <row r="784" spans="5:5" ht="13.5" hidden="1" customHeight="1" x14ac:dyDescent="0.25">
      <c r="E784" s="37"/>
    </row>
    <row r="785" spans="5:5" ht="13.5" hidden="1" customHeight="1" x14ac:dyDescent="0.25">
      <c r="E785" s="37"/>
    </row>
    <row r="786" spans="5:5" ht="13.5" hidden="1" customHeight="1" x14ac:dyDescent="0.25">
      <c r="E786" s="37"/>
    </row>
    <row r="787" spans="5:5" ht="13.5" hidden="1" customHeight="1" x14ac:dyDescent="0.25">
      <c r="E787" s="37"/>
    </row>
    <row r="788" spans="5:5" ht="13.5" hidden="1" customHeight="1" x14ac:dyDescent="0.25">
      <c r="E788" s="37"/>
    </row>
    <row r="789" spans="5:5" ht="13.5" hidden="1" customHeight="1" x14ac:dyDescent="0.25">
      <c r="E789" s="37"/>
    </row>
    <row r="790" spans="5:5" ht="13.5" hidden="1" customHeight="1" x14ac:dyDescent="0.25">
      <c r="E790" s="37"/>
    </row>
    <row r="791" spans="5:5" ht="13.5" hidden="1" customHeight="1" x14ac:dyDescent="0.25">
      <c r="E791" s="37"/>
    </row>
    <row r="792" spans="5:5" ht="13.5" hidden="1" customHeight="1" x14ac:dyDescent="0.25">
      <c r="E792" s="37"/>
    </row>
    <row r="793" spans="5:5" ht="13.5" hidden="1" customHeight="1" x14ac:dyDescent="0.25">
      <c r="E793" s="37"/>
    </row>
    <row r="794" spans="5:5" ht="13.5" hidden="1" customHeight="1" x14ac:dyDescent="0.25">
      <c r="E794" s="37"/>
    </row>
    <row r="795" spans="5:5" ht="13.5" hidden="1" customHeight="1" x14ac:dyDescent="0.25">
      <c r="E795" s="37"/>
    </row>
    <row r="796" spans="5:5" ht="13.5" hidden="1" customHeight="1" x14ac:dyDescent="0.25">
      <c r="E796" s="37"/>
    </row>
    <row r="797" spans="5:5" ht="13.5" hidden="1" customHeight="1" x14ac:dyDescent="0.25">
      <c r="E797" s="37"/>
    </row>
    <row r="798" spans="5:5" ht="13.5" hidden="1" customHeight="1" x14ac:dyDescent="0.25">
      <c r="E798" s="37"/>
    </row>
    <row r="799" spans="5:5" ht="13.5" hidden="1" customHeight="1" x14ac:dyDescent="0.25">
      <c r="E799" s="37"/>
    </row>
    <row r="800" spans="5:5" ht="13.5" hidden="1" customHeight="1" x14ac:dyDescent="0.25">
      <c r="E800" s="37"/>
    </row>
    <row r="801" spans="5:5" ht="13.5" hidden="1" customHeight="1" x14ac:dyDescent="0.25">
      <c r="E801" s="37"/>
    </row>
    <row r="802" spans="5:5" ht="13.5" hidden="1" customHeight="1" x14ac:dyDescent="0.25">
      <c r="E802" s="37"/>
    </row>
    <row r="803" spans="5:5" ht="13.5" hidden="1" customHeight="1" x14ac:dyDescent="0.25">
      <c r="E803" s="37"/>
    </row>
    <row r="804" spans="5:5" ht="13.5" hidden="1" customHeight="1" x14ac:dyDescent="0.25">
      <c r="E804" s="37"/>
    </row>
    <row r="805" spans="5:5" ht="13.5" hidden="1" customHeight="1" x14ac:dyDescent="0.25">
      <c r="E805" s="37"/>
    </row>
    <row r="806" spans="5:5" ht="13.5" hidden="1" customHeight="1" x14ac:dyDescent="0.25">
      <c r="E806" s="37"/>
    </row>
    <row r="807" spans="5:5" ht="13.5" hidden="1" customHeight="1" x14ac:dyDescent="0.25">
      <c r="E807" s="37"/>
    </row>
    <row r="808" spans="5:5" ht="13.5" hidden="1" customHeight="1" x14ac:dyDescent="0.25">
      <c r="E808" s="37"/>
    </row>
    <row r="809" spans="5:5" ht="13.5" hidden="1" customHeight="1" x14ac:dyDescent="0.25">
      <c r="E809" s="37"/>
    </row>
    <row r="810" spans="5:5" ht="13.5" hidden="1" customHeight="1" x14ac:dyDescent="0.25">
      <c r="E810" s="37"/>
    </row>
    <row r="811" spans="5:5" ht="13.5" hidden="1" customHeight="1" x14ac:dyDescent="0.25">
      <c r="E811" s="37"/>
    </row>
    <row r="812" spans="5:5" ht="13.5" hidden="1" customHeight="1" x14ac:dyDescent="0.25">
      <c r="E812" s="37"/>
    </row>
    <row r="813" spans="5:5" ht="13.5" hidden="1" customHeight="1" x14ac:dyDescent="0.25">
      <c r="E813" s="37"/>
    </row>
    <row r="814" spans="5:5" ht="13.5" hidden="1" customHeight="1" x14ac:dyDescent="0.25">
      <c r="E814" s="37"/>
    </row>
    <row r="815" spans="5:5" ht="13.5" hidden="1" customHeight="1" x14ac:dyDescent="0.25">
      <c r="E815" s="37"/>
    </row>
    <row r="816" spans="5:5" ht="13.5" hidden="1" customHeight="1" x14ac:dyDescent="0.25">
      <c r="E816" s="37"/>
    </row>
    <row r="817" spans="5:5" ht="13.5" hidden="1" customHeight="1" x14ac:dyDescent="0.25">
      <c r="E817" s="37"/>
    </row>
    <row r="818" spans="5:5" ht="13.5" hidden="1" customHeight="1" x14ac:dyDescent="0.25">
      <c r="E818" s="37"/>
    </row>
    <row r="819" spans="5:5" ht="13.5" hidden="1" customHeight="1" x14ac:dyDescent="0.25">
      <c r="E819" s="37"/>
    </row>
    <row r="820" spans="5:5" ht="13.5" hidden="1" customHeight="1" x14ac:dyDescent="0.25">
      <c r="E820" s="37"/>
    </row>
    <row r="821" spans="5:5" ht="13.5" hidden="1" customHeight="1" x14ac:dyDescent="0.25">
      <c r="E821" s="37"/>
    </row>
    <row r="822" spans="5:5" ht="13.5" hidden="1" customHeight="1" x14ac:dyDescent="0.25">
      <c r="E822" s="37"/>
    </row>
    <row r="823" spans="5:5" ht="13.5" hidden="1" customHeight="1" x14ac:dyDescent="0.25">
      <c r="E823" s="37"/>
    </row>
    <row r="824" spans="5:5" ht="13.5" hidden="1" customHeight="1" x14ac:dyDescent="0.25">
      <c r="E824" s="37"/>
    </row>
    <row r="825" spans="5:5" ht="13.5" hidden="1" customHeight="1" x14ac:dyDescent="0.25">
      <c r="E825" s="37"/>
    </row>
    <row r="826" spans="5:5" ht="13.5" hidden="1" customHeight="1" x14ac:dyDescent="0.25">
      <c r="E826" s="37"/>
    </row>
    <row r="827" spans="5:5" ht="13.5" hidden="1" customHeight="1" x14ac:dyDescent="0.25">
      <c r="E827" s="37"/>
    </row>
    <row r="828" spans="5:5" ht="13.5" hidden="1" customHeight="1" x14ac:dyDescent="0.25">
      <c r="E828" s="37"/>
    </row>
    <row r="829" spans="5:5" ht="13.5" hidden="1" customHeight="1" x14ac:dyDescent="0.25">
      <c r="E829" s="37"/>
    </row>
    <row r="830" spans="5:5" ht="13.5" hidden="1" customHeight="1" x14ac:dyDescent="0.25">
      <c r="E830" s="37"/>
    </row>
    <row r="831" spans="5:5" ht="13.5" hidden="1" customHeight="1" x14ac:dyDescent="0.25">
      <c r="E831" s="37"/>
    </row>
    <row r="832" spans="5:5" ht="13.5" hidden="1" customHeight="1" x14ac:dyDescent="0.25">
      <c r="E832" s="37"/>
    </row>
    <row r="833" spans="5:5" ht="13.5" hidden="1" customHeight="1" x14ac:dyDescent="0.25">
      <c r="E833" s="37"/>
    </row>
    <row r="834" spans="5:5" ht="13.5" hidden="1" customHeight="1" x14ac:dyDescent="0.25">
      <c r="E834" s="37"/>
    </row>
    <row r="835" spans="5:5" ht="13.5" hidden="1" customHeight="1" x14ac:dyDescent="0.25">
      <c r="E835" s="37"/>
    </row>
    <row r="836" spans="5:5" ht="13.5" hidden="1" customHeight="1" x14ac:dyDescent="0.25">
      <c r="E836" s="37"/>
    </row>
    <row r="837" spans="5:5" ht="13.5" hidden="1" customHeight="1" x14ac:dyDescent="0.25">
      <c r="E837" s="37"/>
    </row>
    <row r="838" spans="5:5" ht="13.5" hidden="1" customHeight="1" x14ac:dyDescent="0.25">
      <c r="E838" s="37"/>
    </row>
    <row r="839" spans="5:5" ht="13.5" hidden="1" customHeight="1" x14ac:dyDescent="0.25">
      <c r="E839" s="37"/>
    </row>
    <row r="840" spans="5:5" ht="13.5" hidden="1" customHeight="1" x14ac:dyDescent="0.25">
      <c r="E840" s="37"/>
    </row>
    <row r="841" spans="5:5" ht="13.5" hidden="1" customHeight="1" x14ac:dyDescent="0.25">
      <c r="E841" s="37"/>
    </row>
    <row r="842" spans="5:5" ht="13.5" hidden="1" customHeight="1" x14ac:dyDescent="0.25">
      <c r="E842" s="37"/>
    </row>
    <row r="843" spans="5:5" ht="13.5" hidden="1" customHeight="1" x14ac:dyDescent="0.25">
      <c r="E843" s="37"/>
    </row>
    <row r="844" spans="5:5" ht="13.5" hidden="1" customHeight="1" x14ac:dyDescent="0.25">
      <c r="E844" s="37"/>
    </row>
    <row r="845" spans="5:5" ht="13.5" hidden="1" customHeight="1" x14ac:dyDescent="0.25">
      <c r="E845" s="37"/>
    </row>
    <row r="846" spans="5:5" ht="13.5" hidden="1" customHeight="1" x14ac:dyDescent="0.25">
      <c r="E846" s="37"/>
    </row>
    <row r="847" spans="5:5" ht="13.5" hidden="1" customHeight="1" x14ac:dyDescent="0.25">
      <c r="E847" s="37"/>
    </row>
    <row r="848" spans="5:5" ht="13.5" hidden="1" customHeight="1" x14ac:dyDescent="0.25">
      <c r="E848" s="37"/>
    </row>
    <row r="849" spans="5:5" ht="13.5" hidden="1" customHeight="1" x14ac:dyDescent="0.25">
      <c r="E849" s="37"/>
    </row>
    <row r="850" spans="5:5" ht="13.5" hidden="1" customHeight="1" x14ac:dyDescent="0.25">
      <c r="E850" s="37"/>
    </row>
    <row r="851" spans="5:5" ht="13.5" hidden="1" customHeight="1" x14ac:dyDescent="0.25">
      <c r="E851" s="37"/>
    </row>
    <row r="852" spans="5:5" ht="13.5" hidden="1" customHeight="1" x14ac:dyDescent="0.25">
      <c r="E852" s="37"/>
    </row>
    <row r="853" spans="5:5" ht="13.5" hidden="1" customHeight="1" x14ac:dyDescent="0.25">
      <c r="E853" s="37"/>
    </row>
    <row r="854" spans="5:5" ht="13.5" hidden="1" customHeight="1" x14ac:dyDescent="0.25">
      <c r="E854" s="37"/>
    </row>
    <row r="855" spans="5:5" ht="13.5" hidden="1" customHeight="1" x14ac:dyDescent="0.25">
      <c r="E855" s="37"/>
    </row>
    <row r="856" spans="5:5" ht="13.5" hidden="1" customHeight="1" x14ac:dyDescent="0.25">
      <c r="E856" s="37"/>
    </row>
    <row r="857" spans="5:5" ht="13.5" hidden="1" customHeight="1" x14ac:dyDescent="0.25">
      <c r="E857" s="37"/>
    </row>
    <row r="858" spans="5:5" ht="13.5" hidden="1" customHeight="1" x14ac:dyDescent="0.25">
      <c r="E858" s="37"/>
    </row>
    <row r="859" spans="5:5" ht="13.5" hidden="1" customHeight="1" x14ac:dyDescent="0.25">
      <c r="E859" s="37"/>
    </row>
    <row r="860" spans="5:5" ht="13.5" hidden="1" customHeight="1" x14ac:dyDescent="0.25">
      <c r="E860" s="37"/>
    </row>
    <row r="861" spans="5:5" ht="13.5" hidden="1" customHeight="1" x14ac:dyDescent="0.25">
      <c r="E861" s="37"/>
    </row>
    <row r="862" spans="5:5" ht="13.5" hidden="1" customHeight="1" x14ac:dyDescent="0.25">
      <c r="E862" s="37"/>
    </row>
    <row r="863" spans="5:5" ht="13.5" hidden="1" customHeight="1" x14ac:dyDescent="0.25">
      <c r="E863" s="37"/>
    </row>
    <row r="864" spans="5:5" ht="13.5" hidden="1" customHeight="1" x14ac:dyDescent="0.25">
      <c r="E864" s="37"/>
    </row>
    <row r="865" spans="5:5" ht="13.5" hidden="1" customHeight="1" x14ac:dyDescent="0.25">
      <c r="E865" s="37"/>
    </row>
    <row r="866" spans="5:5" ht="13.5" hidden="1" customHeight="1" x14ac:dyDescent="0.25">
      <c r="E866" s="37"/>
    </row>
    <row r="867" spans="5:5" ht="13.5" hidden="1" customHeight="1" x14ac:dyDescent="0.25">
      <c r="E867" s="37"/>
    </row>
    <row r="868" spans="5:5" ht="13.5" hidden="1" customHeight="1" x14ac:dyDescent="0.25">
      <c r="E868" s="37"/>
    </row>
    <row r="869" spans="5:5" ht="13.5" hidden="1" customHeight="1" x14ac:dyDescent="0.25">
      <c r="E869" s="37"/>
    </row>
    <row r="870" spans="5:5" ht="13.5" hidden="1" customHeight="1" x14ac:dyDescent="0.25">
      <c r="E870" s="37"/>
    </row>
    <row r="871" spans="5:5" ht="13.5" hidden="1" customHeight="1" x14ac:dyDescent="0.25">
      <c r="E871" s="37"/>
    </row>
    <row r="872" spans="5:5" ht="13.5" hidden="1" customHeight="1" x14ac:dyDescent="0.25">
      <c r="E872" s="37"/>
    </row>
    <row r="873" spans="5:5" ht="13.5" hidden="1" customHeight="1" x14ac:dyDescent="0.25">
      <c r="E873" s="37"/>
    </row>
    <row r="874" spans="5:5" ht="13.5" hidden="1" customHeight="1" x14ac:dyDescent="0.25">
      <c r="E874" s="37"/>
    </row>
    <row r="875" spans="5:5" ht="13.5" hidden="1" customHeight="1" x14ac:dyDescent="0.25">
      <c r="E875" s="37"/>
    </row>
    <row r="876" spans="5:5" ht="13.5" hidden="1" customHeight="1" x14ac:dyDescent="0.25">
      <c r="E876" s="37"/>
    </row>
    <row r="877" spans="5:5" ht="13.5" hidden="1" customHeight="1" x14ac:dyDescent="0.25">
      <c r="E877" s="37"/>
    </row>
    <row r="878" spans="5:5" ht="13.5" hidden="1" customHeight="1" x14ac:dyDescent="0.25">
      <c r="E878" s="37"/>
    </row>
    <row r="879" spans="5:5" ht="13.5" hidden="1" customHeight="1" x14ac:dyDescent="0.25">
      <c r="E879" s="37"/>
    </row>
    <row r="880" spans="5:5" ht="13.5" hidden="1" customHeight="1" x14ac:dyDescent="0.25">
      <c r="E880" s="37"/>
    </row>
    <row r="881" spans="5:5" ht="13.5" hidden="1" customHeight="1" x14ac:dyDescent="0.25">
      <c r="E881" s="37"/>
    </row>
    <row r="882" spans="5:5" ht="13.5" hidden="1" customHeight="1" x14ac:dyDescent="0.25">
      <c r="E882" s="37"/>
    </row>
    <row r="883" spans="5:5" ht="13.5" hidden="1" customHeight="1" x14ac:dyDescent="0.25">
      <c r="E883" s="37"/>
    </row>
    <row r="884" spans="5:5" ht="13.5" hidden="1" customHeight="1" x14ac:dyDescent="0.25">
      <c r="E884" s="37"/>
    </row>
    <row r="885" spans="5:5" ht="13.5" hidden="1" customHeight="1" x14ac:dyDescent="0.25">
      <c r="E885" s="37"/>
    </row>
    <row r="886" spans="5:5" ht="13.5" hidden="1" customHeight="1" x14ac:dyDescent="0.25">
      <c r="E886" s="37"/>
    </row>
    <row r="887" spans="5:5" ht="13.5" hidden="1" customHeight="1" x14ac:dyDescent="0.25">
      <c r="E887" s="37"/>
    </row>
    <row r="888" spans="5:5" ht="13.5" hidden="1" customHeight="1" x14ac:dyDescent="0.25">
      <c r="E888" s="37"/>
    </row>
    <row r="889" spans="5:5" ht="13.5" hidden="1" customHeight="1" x14ac:dyDescent="0.25">
      <c r="E889" s="37"/>
    </row>
    <row r="890" spans="5:5" ht="13.5" hidden="1" customHeight="1" x14ac:dyDescent="0.25">
      <c r="E890" s="37"/>
    </row>
    <row r="891" spans="5:5" ht="13.5" hidden="1" customHeight="1" x14ac:dyDescent="0.25">
      <c r="E891" s="37"/>
    </row>
    <row r="892" spans="5:5" ht="13.5" hidden="1" customHeight="1" x14ac:dyDescent="0.25">
      <c r="E892" s="37"/>
    </row>
    <row r="893" spans="5:5" ht="13.5" hidden="1" customHeight="1" x14ac:dyDescent="0.25">
      <c r="E893" s="37"/>
    </row>
    <row r="894" spans="5:5" ht="13.5" hidden="1" customHeight="1" x14ac:dyDescent="0.25">
      <c r="E894" s="37"/>
    </row>
    <row r="895" spans="5:5" ht="13.5" hidden="1" customHeight="1" x14ac:dyDescent="0.25">
      <c r="E895" s="37"/>
    </row>
    <row r="896" spans="5:5" ht="13.5" hidden="1" customHeight="1" x14ac:dyDescent="0.25">
      <c r="E896" s="37"/>
    </row>
    <row r="897" spans="5:5" ht="13.5" hidden="1" customHeight="1" x14ac:dyDescent="0.25">
      <c r="E897" s="37"/>
    </row>
    <row r="898" spans="5:5" ht="13.5" hidden="1" customHeight="1" x14ac:dyDescent="0.25">
      <c r="E898" s="37"/>
    </row>
    <row r="899" spans="5:5" ht="13.5" hidden="1" customHeight="1" x14ac:dyDescent="0.25">
      <c r="E899" s="37"/>
    </row>
    <row r="900" spans="5:5" ht="13.5" hidden="1" customHeight="1" x14ac:dyDescent="0.25">
      <c r="E900" s="37"/>
    </row>
    <row r="901" spans="5:5" ht="13.5" hidden="1" customHeight="1" x14ac:dyDescent="0.25">
      <c r="E901" s="37"/>
    </row>
    <row r="902" spans="5:5" ht="13.5" hidden="1" customHeight="1" x14ac:dyDescent="0.25">
      <c r="E902" s="37"/>
    </row>
    <row r="903" spans="5:5" ht="13.5" hidden="1" customHeight="1" x14ac:dyDescent="0.25">
      <c r="E903" s="37"/>
    </row>
    <row r="904" spans="5:5" ht="13.5" hidden="1" customHeight="1" x14ac:dyDescent="0.25">
      <c r="E904" s="37"/>
    </row>
    <row r="905" spans="5:5" ht="13.5" hidden="1" customHeight="1" x14ac:dyDescent="0.25">
      <c r="E905" s="37"/>
    </row>
    <row r="906" spans="5:5" ht="13.5" hidden="1" customHeight="1" x14ac:dyDescent="0.25">
      <c r="E906" s="37"/>
    </row>
    <row r="907" spans="5:5" ht="13.5" hidden="1" customHeight="1" x14ac:dyDescent="0.25">
      <c r="E907" s="37"/>
    </row>
    <row r="908" spans="5:5" ht="13.5" hidden="1" customHeight="1" x14ac:dyDescent="0.25">
      <c r="E908" s="37"/>
    </row>
    <row r="909" spans="5:5" ht="13.5" hidden="1" customHeight="1" x14ac:dyDescent="0.25">
      <c r="E909" s="37"/>
    </row>
    <row r="910" spans="5:5" ht="13.5" hidden="1" customHeight="1" x14ac:dyDescent="0.25">
      <c r="E910" s="37"/>
    </row>
    <row r="911" spans="5:5" ht="13.5" hidden="1" customHeight="1" x14ac:dyDescent="0.25">
      <c r="E911" s="37"/>
    </row>
    <row r="912" spans="5:5" ht="13.5" hidden="1" customHeight="1" x14ac:dyDescent="0.25">
      <c r="E912" s="37"/>
    </row>
    <row r="913" spans="5:5" ht="13.5" hidden="1" customHeight="1" x14ac:dyDescent="0.25">
      <c r="E913" s="37"/>
    </row>
    <row r="914" spans="5:5" ht="13.5" hidden="1" customHeight="1" x14ac:dyDescent="0.25">
      <c r="E914" s="37"/>
    </row>
    <row r="915" spans="5:5" ht="13.5" hidden="1" customHeight="1" x14ac:dyDescent="0.25">
      <c r="E915" s="37"/>
    </row>
    <row r="916" spans="5:5" ht="13.5" hidden="1" customHeight="1" x14ac:dyDescent="0.25">
      <c r="E916" s="37"/>
    </row>
    <row r="917" spans="5:5" ht="13.5" hidden="1" customHeight="1" x14ac:dyDescent="0.25">
      <c r="E917" s="37"/>
    </row>
    <row r="918" spans="5:5" ht="13.5" hidden="1" customHeight="1" x14ac:dyDescent="0.25">
      <c r="E918" s="37"/>
    </row>
    <row r="919" spans="5:5" ht="13.5" hidden="1" customHeight="1" x14ac:dyDescent="0.25">
      <c r="E919" s="37"/>
    </row>
    <row r="920" spans="5:5" ht="13.5" hidden="1" customHeight="1" x14ac:dyDescent="0.25">
      <c r="E920" s="37"/>
    </row>
    <row r="921" spans="5:5" ht="13.5" hidden="1" customHeight="1" x14ac:dyDescent="0.25">
      <c r="E921" s="37"/>
    </row>
    <row r="922" spans="5:5" ht="13.5" hidden="1" customHeight="1" x14ac:dyDescent="0.25">
      <c r="E922" s="37"/>
    </row>
    <row r="923" spans="5:5" ht="13.5" hidden="1" customHeight="1" x14ac:dyDescent="0.25">
      <c r="E923" s="37"/>
    </row>
    <row r="924" spans="5:5" ht="13.5" hidden="1" customHeight="1" x14ac:dyDescent="0.25">
      <c r="E924" s="37"/>
    </row>
    <row r="925" spans="5:5" ht="13.5" hidden="1" customHeight="1" x14ac:dyDescent="0.25">
      <c r="E925" s="37"/>
    </row>
    <row r="926" spans="5:5" ht="13.5" hidden="1" customHeight="1" x14ac:dyDescent="0.25">
      <c r="E926" s="37"/>
    </row>
    <row r="927" spans="5:5" ht="13.5" hidden="1" customHeight="1" x14ac:dyDescent="0.25">
      <c r="E927" s="37"/>
    </row>
    <row r="928" spans="5:5" ht="13.5" hidden="1" customHeight="1" x14ac:dyDescent="0.25">
      <c r="E928" s="37"/>
    </row>
    <row r="929" spans="5:5" ht="13.5" hidden="1" customHeight="1" x14ac:dyDescent="0.25">
      <c r="E929" s="37"/>
    </row>
    <row r="930" spans="5:5" ht="13.5" hidden="1" customHeight="1" x14ac:dyDescent="0.25">
      <c r="E930" s="37"/>
    </row>
    <row r="931" spans="5:5" ht="13.5" hidden="1" customHeight="1" x14ac:dyDescent="0.25">
      <c r="E931" s="37"/>
    </row>
    <row r="932" spans="5:5" ht="13.5" hidden="1" customHeight="1" x14ac:dyDescent="0.25">
      <c r="E932" s="37"/>
    </row>
    <row r="933" spans="5:5" ht="13.5" hidden="1" customHeight="1" x14ac:dyDescent="0.25">
      <c r="E933" s="37"/>
    </row>
    <row r="934" spans="5:5" ht="13.5" hidden="1" customHeight="1" x14ac:dyDescent="0.25">
      <c r="E934" s="37"/>
    </row>
    <row r="935" spans="5:5" ht="13.5" hidden="1" customHeight="1" x14ac:dyDescent="0.25">
      <c r="E935" s="37"/>
    </row>
    <row r="936" spans="5:5" ht="13.5" hidden="1" customHeight="1" x14ac:dyDescent="0.25">
      <c r="E936" s="37"/>
    </row>
    <row r="937" spans="5:5" ht="13.5" hidden="1" customHeight="1" x14ac:dyDescent="0.25">
      <c r="E937" s="37"/>
    </row>
    <row r="938" spans="5:5" ht="13.5" hidden="1" customHeight="1" x14ac:dyDescent="0.25">
      <c r="E938" s="37"/>
    </row>
    <row r="939" spans="5:5" ht="13.5" hidden="1" customHeight="1" x14ac:dyDescent="0.25">
      <c r="E939" s="37"/>
    </row>
    <row r="940" spans="5:5" ht="13.5" hidden="1" customHeight="1" x14ac:dyDescent="0.25">
      <c r="E940" s="37"/>
    </row>
    <row r="941" spans="5:5" ht="13.5" hidden="1" customHeight="1" x14ac:dyDescent="0.25">
      <c r="E941" s="37"/>
    </row>
    <row r="942" spans="5:5" ht="13.5" hidden="1" customHeight="1" x14ac:dyDescent="0.25">
      <c r="E942" s="37"/>
    </row>
    <row r="943" spans="5:5" ht="13.5" hidden="1" customHeight="1" x14ac:dyDescent="0.25">
      <c r="E943" s="37"/>
    </row>
    <row r="944" spans="5:5" ht="13.5" hidden="1" customHeight="1" x14ac:dyDescent="0.25">
      <c r="E944" s="37"/>
    </row>
    <row r="945" spans="5:5" ht="13.5" hidden="1" customHeight="1" x14ac:dyDescent="0.25">
      <c r="E945" s="37"/>
    </row>
    <row r="946" spans="5:5" ht="13.5" hidden="1" customHeight="1" x14ac:dyDescent="0.25">
      <c r="E946" s="37"/>
    </row>
    <row r="947" spans="5:5" ht="13.5" hidden="1" customHeight="1" x14ac:dyDescent="0.25">
      <c r="E947" s="37"/>
    </row>
    <row r="948" spans="5:5" ht="13.5" hidden="1" customHeight="1" x14ac:dyDescent="0.25">
      <c r="E948" s="37"/>
    </row>
    <row r="949" spans="5:5" ht="13.5" hidden="1" customHeight="1" x14ac:dyDescent="0.25">
      <c r="E949" s="37"/>
    </row>
    <row r="950" spans="5:5" ht="13.5" hidden="1" customHeight="1" x14ac:dyDescent="0.25">
      <c r="E950" s="37"/>
    </row>
    <row r="951" spans="5:5" ht="13.5" hidden="1" customHeight="1" x14ac:dyDescent="0.25">
      <c r="E951" s="37"/>
    </row>
    <row r="952" spans="5:5" ht="13.5" hidden="1" customHeight="1" x14ac:dyDescent="0.25">
      <c r="E952" s="37"/>
    </row>
    <row r="953" spans="5:5" ht="13.5" hidden="1" customHeight="1" x14ac:dyDescent="0.25">
      <c r="E953" s="37"/>
    </row>
    <row r="954" spans="5:5" ht="13.5" hidden="1" customHeight="1" x14ac:dyDescent="0.25">
      <c r="E954" s="37"/>
    </row>
    <row r="955" spans="5:5" ht="13.5" hidden="1" customHeight="1" x14ac:dyDescent="0.25">
      <c r="E955" s="37"/>
    </row>
    <row r="956" spans="5:5" ht="13.5" hidden="1" customHeight="1" x14ac:dyDescent="0.25">
      <c r="E956" s="37"/>
    </row>
    <row r="957" spans="5:5" ht="13.5" hidden="1" customHeight="1" x14ac:dyDescent="0.25">
      <c r="E957" s="37"/>
    </row>
    <row r="958" spans="5:5" ht="13.5" hidden="1" customHeight="1" x14ac:dyDescent="0.25">
      <c r="E958" s="37"/>
    </row>
    <row r="959" spans="5:5" ht="13.5" hidden="1" customHeight="1" x14ac:dyDescent="0.25">
      <c r="E959" s="37"/>
    </row>
    <row r="960" spans="5:5" ht="13.5" hidden="1" customHeight="1" x14ac:dyDescent="0.25">
      <c r="E960" s="37"/>
    </row>
    <row r="961" spans="5:5" ht="13.5" hidden="1" customHeight="1" x14ac:dyDescent="0.25">
      <c r="E961" s="37"/>
    </row>
    <row r="962" spans="5:5" ht="13.5" hidden="1" customHeight="1" x14ac:dyDescent="0.25">
      <c r="E962" s="37"/>
    </row>
    <row r="963" spans="5:5" ht="13.5" hidden="1" customHeight="1" x14ac:dyDescent="0.25">
      <c r="E963" s="37"/>
    </row>
    <row r="964" spans="5:5" ht="13.5" hidden="1" customHeight="1" x14ac:dyDescent="0.25">
      <c r="E964" s="37"/>
    </row>
    <row r="965" spans="5:5" ht="13.5" hidden="1" customHeight="1" x14ac:dyDescent="0.25">
      <c r="E965" s="37"/>
    </row>
    <row r="966" spans="5:5" ht="13.5" hidden="1" customHeight="1" x14ac:dyDescent="0.25">
      <c r="E966" s="37"/>
    </row>
    <row r="967" spans="5:5" ht="13.5" hidden="1" customHeight="1" x14ac:dyDescent="0.25">
      <c r="E967" s="37"/>
    </row>
    <row r="968" spans="5:5" ht="13.5" hidden="1" customHeight="1" x14ac:dyDescent="0.25">
      <c r="E968" s="37"/>
    </row>
    <row r="969" spans="5:5" ht="13.5" hidden="1" customHeight="1" x14ac:dyDescent="0.25">
      <c r="E969" s="37"/>
    </row>
    <row r="970" spans="5:5" ht="13.5" hidden="1" customHeight="1" x14ac:dyDescent="0.25">
      <c r="E970" s="37"/>
    </row>
    <row r="971" spans="5:5" ht="13.5" hidden="1" customHeight="1" x14ac:dyDescent="0.25">
      <c r="E971" s="37"/>
    </row>
    <row r="972" spans="5:5" ht="13.5" hidden="1" customHeight="1" x14ac:dyDescent="0.25">
      <c r="E972" s="37"/>
    </row>
    <row r="973" spans="5:5" ht="13.5" hidden="1" customHeight="1" x14ac:dyDescent="0.25">
      <c r="E973" s="37"/>
    </row>
    <row r="974" spans="5:5" ht="13.5" hidden="1" customHeight="1" x14ac:dyDescent="0.25">
      <c r="E974" s="37"/>
    </row>
    <row r="975" spans="5:5" ht="13.5" hidden="1" customHeight="1" x14ac:dyDescent="0.25">
      <c r="E975" s="37"/>
    </row>
    <row r="976" spans="5:5" ht="13.5" hidden="1" customHeight="1" x14ac:dyDescent="0.25">
      <c r="E976" s="37"/>
    </row>
    <row r="977" spans="5:5" ht="13.5" hidden="1" customHeight="1" x14ac:dyDescent="0.25">
      <c r="E977" s="37"/>
    </row>
    <row r="978" spans="5:5" ht="13.5" hidden="1" customHeight="1" x14ac:dyDescent="0.25">
      <c r="E978" s="37"/>
    </row>
    <row r="979" spans="5:5" ht="13.5" hidden="1" customHeight="1" x14ac:dyDescent="0.25">
      <c r="E979" s="37"/>
    </row>
    <row r="980" spans="5:5" ht="13.5" hidden="1" customHeight="1" x14ac:dyDescent="0.25">
      <c r="E980" s="37"/>
    </row>
    <row r="981" spans="5:5" ht="13.5" hidden="1" customHeight="1" x14ac:dyDescent="0.25">
      <c r="E981" s="37"/>
    </row>
    <row r="982" spans="5:5" ht="13.5" hidden="1" customHeight="1" x14ac:dyDescent="0.25">
      <c r="E982" s="37"/>
    </row>
    <row r="983" spans="5:5" ht="13.5" hidden="1" customHeight="1" x14ac:dyDescent="0.25">
      <c r="E983" s="37"/>
    </row>
    <row r="984" spans="5:5" ht="13.5" hidden="1" customHeight="1" x14ac:dyDescent="0.25">
      <c r="E984" s="37"/>
    </row>
    <row r="985" spans="5:5" ht="13.5" hidden="1" customHeight="1" x14ac:dyDescent="0.25">
      <c r="E985" s="37"/>
    </row>
    <row r="986" spans="5:5" ht="13.5" hidden="1" customHeight="1" x14ac:dyDescent="0.25">
      <c r="E986" s="37"/>
    </row>
    <row r="987" spans="5:5" ht="13.5" hidden="1" customHeight="1" x14ac:dyDescent="0.25">
      <c r="E987" s="37"/>
    </row>
    <row r="988" spans="5:5" ht="13.5" hidden="1" customHeight="1" x14ac:dyDescent="0.25">
      <c r="E988" s="37"/>
    </row>
    <row r="989" spans="5:5" ht="13.5" hidden="1" customHeight="1" x14ac:dyDescent="0.25">
      <c r="E989" s="37"/>
    </row>
    <row r="990" spans="5:5" ht="13.5" hidden="1" customHeight="1" x14ac:dyDescent="0.25">
      <c r="E990" s="37"/>
    </row>
    <row r="991" spans="5:5" ht="13.5" hidden="1" customHeight="1" x14ac:dyDescent="0.25">
      <c r="E991" s="37"/>
    </row>
    <row r="992" spans="5:5" ht="13.5" hidden="1" customHeight="1" x14ac:dyDescent="0.25">
      <c r="E992" s="37"/>
    </row>
    <row r="993" spans="5:5" ht="13.5" hidden="1" customHeight="1" x14ac:dyDescent="0.25">
      <c r="E993" s="37"/>
    </row>
    <row r="994" spans="5:5" ht="13.5" hidden="1" customHeight="1" x14ac:dyDescent="0.25">
      <c r="E994" s="37"/>
    </row>
    <row r="995" spans="5:5" ht="13.5" hidden="1" customHeight="1" x14ac:dyDescent="0.25">
      <c r="E995" s="37"/>
    </row>
    <row r="996" spans="5:5" ht="13.5" hidden="1" customHeight="1" x14ac:dyDescent="0.25">
      <c r="E996" s="37"/>
    </row>
    <row r="997" spans="5:5" ht="13.5" hidden="1" customHeight="1" x14ac:dyDescent="0.25">
      <c r="E997" s="37"/>
    </row>
    <row r="998" spans="5:5" ht="13.5" hidden="1" customHeight="1" x14ac:dyDescent="0.25">
      <c r="E998" s="37"/>
    </row>
    <row r="999" spans="5:5" ht="13.5" hidden="1" customHeight="1" x14ac:dyDescent="0.25">
      <c r="E999" s="37"/>
    </row>
    <row r="1000" spans="5:5" ht="13.5" hidden="1" customHeight="1" x14ac:dyDescent="0.25">
      <c r="E1000" s="37"/>
    </row>
  </sheetData>
  <mergeCells count="17">
    <mergeCell ref="A1:F4"/>
    <mergeCell ref="B5:F5"/>
    <mergeCell ref="A6:F6"/>
    <mergeCell ref="B10:F10"/>
    <mergeCell ref="A11:F11"/>
    <mergeCell ref="B15:F15"/>
    <mergeCell ref="A16:F16"/>
    <mergeCell ref="A36:F36"/>
    <mergeCell ref="B40:F40"/>
    <mergeCell ref="A41:F41"/>
    <mergeCell ref="B20:F20"/>
    <mergeCell ref="A21:F21"/>
    <mergeCell ref="B25:F25"/>
    <mergeCell ref="A26:F26"/>
    <mergeCell ref="B30:F30"/>
    <mergeCell ref="A31:F31"/>
    <mergeCell ref="B35:F35"/>
  </mergeCells>
  <dataValidations count="1">
    <dataValidation type="list" allowBlank="1" showErrorMessage="1" sqref="F8:F9 F13:F14 F18:F19 F23:F24 F28:F29 F33:F34 F38:F39 F43:F44" xr:uid="{00000000-0002-0000-0100-000000000000}">
      <formula1>"Male,Female"</formula1>
    </dataValidation>
  </dataValidations>
  <pageMargins left="0.7" right="0.7" top="0.75" bottom="0.75" header="0" footer="0"/>
  <pageSetup orientation="portrait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200-000000000000}">
  <sheetPr>
    <tabColor rgb="FFFFC000"/>
  </sheetPr>
  <dimension ref="A1:Z1000"/>
  <sheetViews>
    <sheetView workbookViewId="0">
      <selection sqref="A1:D4"/>
    </sheetView>
  </sheetViews>
  <sheetFormatPr defaultColWidth="0" defaultRowHeight="15" customHeight="1" zeroHeight="1" x14ac:dyDescent="0.25"/>
  <cols>
    <col min="1" max="1" width="20.59765625" customWidth="1"/>
    <col min="2" max="3" width="34.5" customWidth="1"/>
    <col min="4" max="4" width="14.3984375" customWidth="1"/>
    <col min="5" max="5" width="10.3984375" hidden="1" customWidth="1"/>
    <col min="6" max="6" width="9" hidden="1" customWidth="1"/>
    <col min="7" max="26" width="8.59765625" hidden="1" customWidth="1"/>
    <col min="27" max="16384" width="12.59765625" hidden="1"/>
  </cols>
  <sheetData>
    <row r="1" spans="1:5" ht="14.25" customHeight="1" x14ac:dyDescent="0.25">
      <c r="A1" s="91" t="s">
        <v>64</v>
      </c>
      <c r="B1" s="82"/>
      <c r="C1" s="82"/>
      <c r="D1" s="83"/>
      <c r="E1" s="38"/>
    </row>
    <row r="2" spans="1:5" ht="14.25" customHeight="1" x14ac:dyDescent="0.25">
      <c r="A2" s="84"/>
      <c r="B2" s="62"/>
      <c r="C2" s="62"/>
      <c r="D2" s="85"/>
      <c r="E2" s="38"/>
    </row>
    <row r="3" spans="1:5" ht="14.25" customHeight="1" x14ac:dyDescent="0.25">
      <c r="A3" s="84"/>
      <c r="B3" s="62"/>
      <c r="C3" s="62"/>
      <c r="D3" s="85"/>
      <c r="E3" s="38"/>
    </row>
    <row r="4" spans="1:5" ht="15" customHeight="1" x14ac:dyDescent="0.25">
      <c r="A4" s="86"/>
      <c r="B4" s="87"/>
      <c r="C4" s="87"/>
      <c r="D4" s="88"/>
      <c r="E4" s="38"/>
    </row>
    <row r="5" spans="1:5" ht="13.5" customHeight="1" x14ac:dyDescent="0.25">
      <c r="A5" s="89"/>
      <c r="B5" s="78"/>
      <c r="C5" s="78"/>
      <c r="D5" s="78"/>
    </row>
    <row r="6" spans="1:5" ht="15.75" customHeight="1" x14ac:dyDescent="0.3">
      <c r="A6" s="90" t="s">
        <v>65</v>
      </c>
      <c r="B6" s="78"/>
      <c r="C6" s="78"/>
      <c r="D6" s="80"/>
      <c r="E6" s="39"/>
    </row>
    <row r="7" spans="1:5" ht="15.75" customHeight="1" x14ac:dyDescent="0.3">
      <c r="A7" s="30" t="s">
        <v>52</v>
      </c>
      <c r="B7" s="30" t="s">
        <v>53</v>
      </c>
      <c r="C7" s="30" t="s">
        <v>54</v>
      </c>
      <c r="D7" s="31" t="s">
        <v>55</v>
      </c>
      <c r="E7" s="39"/>
    </row>
    <row r="8" spans="1:5" ht="15.75" customHeight="1" x14ac:dyDescent="0.3">
      <c r="A8" s="32" t="s">
        <v>66</v>
      </c>
      <c r="B8" s="32"/>
      <c r="C8" s="32"/>
      <c r="D8" s="33"/>
      <c r="E8" s="39"/>
    </row>
    <row r="9" spans="1:5" ht="15.75" customHeight="1" x14ac:dyDescent="0.3">
      <c r="A9" s="32" t="s">
        <v>67</v>
      </c>
      <c r="B9" s="32"/>
      <c r="C9" s="32"/>
      <c r="D9" s="33"/>
      <c r="E9" s="39"/>
    </row>
    <row r="10" spans="1:5" ht="15.75" customHeight="1" x14ac:dyDescent="0.3">
      <c r="A10" s="32" t="s">
        <v>68</v>
      </c>
      <c r="B10" s="32"/>
      <c r="C10" s="32"/>
      <c r="D10" s="33"/>
      <c r="E10" s="39"/>
    </row>
    <row r="11" spans="1:5" ht="15.75" customHeight="1" x14ac:dyDescent="0.3">
      <c r="A11" s="77"/>
      <c r="B11" s="78"/>
      <c r="C11" s="78"/>
      <c r="D11" s="78"/>
      <c r="E11" s="39"/>
    </row>
    <row r="12" spans="1:5" ht="15.75" customHeight="1" x14ac:dyDescent="0.3">
      <c r="A12" s="90" t="s">
        <v>69</v>
      </c>
      <c r="B12" s="78"/>
      <c r="C12" s="78"/>
      <c r="D12" s="80"/>
      <c r="E12" s="39"/>
    </row>
    <row r="13" spans="1:5" ht="15.75" customHeight="1" x14ac:dyDescent="0.3">
      <c r="A13" s="30" t="s">
        <v>52</v>
      </c>
      <c r="B13" s="30" t="s">
        <v>53</v>
      </c>
      <c r="C13" s="30" t="s">
        <v>54</v>
      </c>
      <c r="D13" s="31" t="s">
        <v>55</v>
      </c>
      <c r="E13" s="40"/>
    </row>
    <row r="14" spans="1:5" ht="15.75" customHeight="1" x14ac:dyDescent="0.3">
      <c r="A14" s="32" t="s">
        <v>66</v>
      </c>
      <c r="B14" s="32"/>
      <c r="C14" s="32"/>
      <c r="D14" s="33"/>
      <c r="E14" s="39"/>
    </row>
    <row r="15" spans="1:5" ht="15.75" customHeight="1" x14ac:dyDescent="0.3">
      <c r="A15" s="32" t="s">
        <v>67</v>
      </c>
      <c r="B15" s="32"/>
      <c r="C15" s="32"/>
      <c r="D15" s="33"/>
      <c r="E15" s="40"/>
    </row>
    <row r="16" spans="1:5" ht="15.75" customHeight="1" x14ac:dyDescent="0.3">
      <c r="A16" s="32" t="s">
        <v>68</v>
      </c>
      <c r="B16" s="32"/>
      <c r="C16" s="32"/>
      <c r="D16" s="33"/>
      <c r="E16" s="39"/>
    </row>
    <row r="17" spans="1:5" ht="15.75" customHeight="1" x14ac:dyDescent="0.3">
      <c r="A17" s="89"/>
      <c r="B17" s="78"/>
      <c r="C17" s="78"/>
      <c r="D17" s="78"/>
      <c r="E17" s="40"/>
    </row>
    <row r="18" spans="1:5" ht="15.75" customHeight="1" x14ac:dyDescent="0.3">
      <c r="A18" s="90" t="s">
        <v>70</v>
      </c>
      <c r="B18" s="78"/>
      <c r="C18" s="78"/>
      <c r="D18" s="80"/>
      <c r="E18" s="39"/>
    </row>
    <row r="19" spans="1:5" ht="15.75" customHeight="1" x14ac:dyDescent="0.3">
      <c r="A19" s="30" t="s">
        <v>52</v>
      </c>
      <c r="B19" s="30" t="s">
        <v>53</v>
      </c>
      <c r="C19" s="30" t="s">
        <v>54</v>
      </c>
      <c r="D19" s="31" t="s">
        <v>55</v>
      </c>
      <c r="E19" s="39"/>
    </row>
    <row r="20" spans="1:5" ht="15.75" customHeight="1" x14ac:dyDescent="0.3">
      <c r="A20" s="32" t="s">
        <v>66</v>
      </c>
      <c r="B20" s="32"/>
      <c r="C20" s="32"/>
      <c r="D20" s="33"/>
      <c r="E20" s="39"/>
    </row>
    <row r="21" spans="1:5" ht="15.75" customHeight="1" x14ac:dyDescent="0.3">
      <c r="A21" s="32" t="s">
        <v>67</v>
      </c>
      <c r="B21" s="32"/>
      <c r="C21" s="32"/>
      <c r="D21" s="33"/>
      <c r="E21" s="39"/>
    </row>
    <row r="22" spans="1:5" ht="15.75" customHeight="1" x14ac:dyDescent="0.3">
      <c r="A22" s="32" t="s">
        <v>68</v>
      </c>
      <c r="B22" s="32"/>
      <c r="C22" s="32"/>
      <c r="D22" s="33"/>
      <c r="E22" s="40"/>
    </row>
    <row r="23" spans="1:5" ht="15.75" customHeight="1" x14ac:dyDescent="0.3">
      <c r="A23" s="89"/>
      <c r="B23" s="78"/>
      <c r="C23" s="78"/>
      <c r="D23" s="78"/>
      <c r="E23" s="39"/>
    </row>
    <row r="24" spans="1:5" ht="15.75" customHeight="1" x14ac:dyDescent="0.3">
      <c r="A24" s="90" t="s">
        <v>71</v>
      </c>
      <c r="B24" s="78"/>
      <c r="C24" s="78"/>
      <c r="D24" s="80"/>
      <c r="E24" s="39"/>
    </row>
    <row r="25" spans="1:5" ht="15.75" customHeight="1" x14ac:dyDescent="0.3">
      <c r="A25" s="30" t="s">
        <v>52</v>
      </c>
      <c r="B25" s="30" t="s">
        <v>53</v>
      </c>
      <c r="C25" s="30" t="s">
        <v>54</v>
      </c>
      <c r="D25" s="31" t="s">
        <v>55</v>
      </c>
      <c r="E25" s="39"/>
    </row>
    <row r="26" spans="1:5" ht="15.75" customHeight="1" x14ac:dyDescent="0.3">
      <c r="A26" s="32" t="s">
        <v>66</v>
      </c>
      <c r="B26" s="32"/>
      <c r="C26" s="32"/>
      <c r="D26" s="33"/>
      <c r="E26" s="40"/>
    </row>
    <row r="27" spans="1:5" ht="15.75" customHeight="1" x14ac:dyDescent="0.3">
      <c r="A27" s="32" t="s">
        <v>67</v>
      </c>
      <c r="B27" s="32"/>
      <c r="C27" s="32"/>
      <c r="D27" s="33"/>
      <c r="E27" s="39"/>
    </row>
    <row r="28" spans="1:5" ht="14.25" customHeight="1" x14ac:dyDescent="0.3">
      <c r="A28" s="32" t="s">
        <v>68</v>
      </c>
      <c r="B28" s="32"/>
      <c r="C28" s="32"/>
      <c r="D28" s="33"/>
      <c r="E28" s="39"/>
    </row>
    <row r="29" spans="1:5" ht="14.25" hidden="1" customHeight="1" x14ac:dyDescent="0.3">
      <c r="D29" s="37"/>
      <c r="E29" s="39"/>
    </row>
    <row r="30" spans="1:5" ht="14.25" hidden="1" customHeight="1" x14ac:dyDescent="0.3">
      <c r="D30" s="37"/>
      <c r="E30" s="39"/>
    </row>
    <row r="31" spans="1:5" ht="14.25" hidden="1" customHeight="1" x14ac:dyDescent="0.25">
      <c r="D31" s="37"/>
    </row>
    <row r="32" spans="1:5" ht="15.75" hidden="1" customHeight="1" x14ac:dyDescent="0.25">
      <c r="D32" s="37"/>
    </row>
    <row r="33" spans="4:4" ht="15.75" hidden="1" customHeight="1" x14ac:dyDescent="0.25">
      <c r="D33" s="37"/>
    </row>
    <row r="34" spans="4:4" ht="15.75" hidden="1" customHeight="1" x14ac:dyDescent="0.25">
      <c r="D34" s="37"/>
    </row>
    <row r="35" spans="4:4" ht="15.75" hidden="1" customHeight="1" x14ac:dyDescent="0.25">
      <c r="D35" s="37"/>
    </row>
    <row r="36" spans="4:4" ht="15.75" hidden="1" customHeight="1" x14ac:dyDescent="0.25">
      <c r="D36" s="37"/>
    </row>
    <row r="37" spans="4:4" ht="15.75" hidden="1" customHeight="1" x14ac:dyDescent="0.25">
      <c r="D37" s="37"/>
    </row>
    <row r="38" spans="4:4" ht="15.75" hidden="1" customHeight="1" x14ac:dyDescent="0.25">
      <c r="D38" s="37"/>
    </row>
    <row r="39" spans="4:4" ht="15.75" hidden="1" customHeight="1" x14ac:dyDescent="0.25">
      <c r="D39" s="37"/>
    </row>
    <row r="40" spans="4:4" ht="15.75" hidden="1" customHeight="1" x14ac:dyDescent="0.25">
      <c r="D40" s="37"/>
    </row>
    <row r="41" spans="4:4" ht="15.75" hidden="1" customHeight="1" x14ac:dyDescent="0.25">
      <c r="D41" s="37"/>
    </row>
    <row r="42" spans="4:4" ht="15.75" hidden="1" customHeight="1" x14ac:dyDescent="0.25">
      <c r="D42" s="37"/>
    </row>
    <row r="43" spans="4:4" ht="15.75" hidden="1" customHeight="1" x14ac:dyDescent="0.25">
      <c r="D43" s="37"/>
    </row>
    <row r="44" spans="4:4" ht="15.75" hidden="1" customHeight="1" x14ac:dyDescent="0.25">
      <c r="D44" s="37"/>
    </row>
    <row r="45" spans="4:4" ht="15.75" hidden="1" customHeight="1" x14ac:dyDescent="0.25">
      <c r="D45" s="37"/>
    </row>
    <row r="46" spans="4:4" ht="15.75" hidden="1" customHeight="1" x14ac:dyDescent="0.25">
      <c r="D46" s="37"/>
    </row>
    <row r="47" spans="4:4" ht="15.75" hidden="1" customHeight="1" x14ac:dyDescent="0.25">
      <c r="D47" s="37"/>
    </row>
    <row r="48" spans="4:4" ht="15.75" hidden="1" customHeight="1" x14ac:dyDescent="0.25">
      <c r="D48" s="37"/>
    </row>
    <row r="49" spans="4:4" ht="15.75" hidden="1" customHeight="1" x14ac:dyDescent="0.25">
      <c r="D49" s="37"/>
    </row>
    <row r="50" spans="4:4" ht="15.75" hidden="1" customHeight="1" x14ac:dyDescent="0.25">
      <c r="D50" s="37"/>
    </row>
    <row r="51" spans="4:4" ht="15.75" hidden="1" customHeight="1" x14ac:dyDescent="0.25">
      <c r="D51" s="37"/>
    </row>
    <row r="52" spans="4:4" ht="15.75" hidden="1" customHeight="1" x14ac:dyDescent="0.25">
      <c r="D52" s="37"/>
    </row>
    <row r="53" spans="4:4" ht="15.75" hidden="1" customHeight="1" x14ac:dyDescent="0.25">
      <c r="D53" s="37"/>
    </row>
    <row r="54" spans="4:4" ht="15.75" hidden="1" customHeight="1" x14ac:dyDescent="0.25">
      <c r="D54" s="37"/>
    </row>
    <row r="55" spans="4:4" ht="15.75" hidden="1" customHeight="1" x14ac:dyDescent="0.25">
      <c r="D55" s="37"/>
    </row>
    <row r="56" spans="4:4" ht="15.75" hidden="1" customHeight="1" x14ac:dyDescent="0.25">
      <c r="D56" s="37"/>
    </row>
    <row r="57" spans="4:4" ht="15.75" hidden="1" customHeight="1" x14ac:dyDescent="0.25">
      <c r="D57" s="37"/>
    </row>
    <row r="58" spans="4:4" ht="15.75" hidden="1" customHeight="1" x14ac:dyDescent="0.25">
      <c r="D58" s="37"/>
    </row>
    <row r="59" spans="4:4" ht="15.75" hidden="1" customHeight="1" x14ac:dyDescent="0.25">
      <c r="D59" s="37"/>
    </row>
    <row r="60" spans="4:4" ht="15.75" hidden="1" customHeight="1" x14ac:dyDescent="0.25">
      <c r="D60" s="37"/>
    </row>
    <row r="61" spans="4:4" ht="13.5" hidden="1" customHeight="1" x14ac:dyDescent="0.25">
      <c r="D61" s="37"/>
    </row>
    <row r="62" spans="4:4" ht="13.5" hidden="1" customHeight="1" x14ac:dyDescent="0.25">
      <c r="D62" s="37"/>
    </row>
    <row r="63" spans="4:4" ht="13.5" hidden="1" customHeight="1" x14ac:dyDescent="0.25">
      <c r="D63" s="37"/>
    </row>
    <row r="64" spans="4:4" ht="13.5" hidden="1" customHeight="1" x14ac:dyDescent="0.25">
      <c r="D64" s="37"/>
    </row>
    <row r="65" spans="4:4" ht="13.5" hidden="1" customHeight="1" x14ac:dyDescent="0.25">
      <c r="D65" s="37"/>
    </row>
    <row r="66" spans="4:4" ht="13.5" hidden="1" customHeight="1" x14ac:dyDescent="0.25">
      <c r="D66" s="37"/>
    </row>
    <row r="67" spans="4:4" ht="13.5" hidden="1" customHeight="1" x14ac:dyDescent="0.25">
      <c r="D67" s="37"/>
    </row>
    <row r="68" spans="4:4" ht="13.5" hidden="1" customHeight="1" x14ac:dyDescent="0.25">
      <c r="D68" s="37"/>
    </row>
    <row r="69" spans="4:4" ht="13.5" hidden="1" customHeight="1" x14ac:dyDescent="0.25">
      <c r="D69" s="37"/>
    </row>
    <row r="70" spans="4:4" ht="13.5" hidden="1" customHeight="1" x14ac:dyDescent="0.25">
      <c r="D70" s="37"/>
    </row>
    <row r="71" spans="4:4" ht="13.5" hidden="1" customHeight="1" x14ac:dyDescent="0.25">
      <c r="D71" s="37"/>
    </row>
    <row r="72" spans="4:4" ht="13.5" hidden="1" customHeight="1" x14ac:dyDescent="0.25">
      <c r="D72" s="37"/>
    </row>
    <row r="73" spans="4:4" ht="13.5" hidden="1" customHeight="1" x14ac:dyDescent="0.25">
      <c r="D73" s="37"/>
    </row>
    <row r="74" spans="4:4" ht="13.5" hidden="1" customHeight="1" x14ac:dyDescent="0.25">
      <c r="D74" s="37"/>
    </row>
    <row r="75" spans="4:4" ht="13.5" hidden="1" customHeight="1" x14ac:dyDescent="0.25">
      <c r="D75" s="37"/>
    </row>
    <row r="76" spans="4:4" ht="13.5" hidden="1" customHeight="1" x14ac:dyDescent="0.25">
      <c r="D76" s="37"/>
    </row>
    <row r="77" spans="4:4" ht="13.5" hidden="1" customHeight="1" x14ac:dyDescent="0.25">
      <c r="D77" s="37"/>
    </row>
    <row r="78" spans="4:4" ht="13.5" hidden="1" customHeight="1" x14ac:dyDescent="0.25">
      <c r="D78" s="37"/>
    </row>
    <row r="79" spans="4:4" ht="13.5" hidden="1" customHeight="1" x14ac:dyDescent="0.25">
      <c r="D79" s="37"/>
    </row>
    <row r="80" spans="4:4" ht="13.5" hidden="1" customHeight="1" x14ac:dyDescent="0.25">
      <c r="D80" s="37"/>
    </row>
    <row r="81" spans="4:4" ht="13.5" hidden="1" customHeight="1" x14ac:dyDescent="0.25">
      <c r="D81" s="37"/>
    </row>
    <row r="82" spans="4:4" ht="13.5" hidden="1" customHeight="1" x14ac:dyDescent="0.25">
      <c r="D82" s="37"/>
    </row>
    <row r="83" spans="4:4" ht="13.5" hidden="1" customHeight="1" x14ac:dyDescent="0.25">
      <c r="D83" s="37"/>
    </row>
    <row r="84" spans="4:4" ht="13.5" hidden="1" customHeight="1" x14ac:dyDescent="0.25">
      <c r="D84" s="37"/>
    </row>
    <row r="85" spans="4:4" ht="13.5" hidden="1" customHeight="1" x14ac:dyDescent="0.25">
      <c r="D85" s="37"/>
    </row>
    <row r="86" spans="4:4" ht="13.5" hidden="1" customHeight="1" x14ac:dyDescent="0.25">
      <c r="D86" s="37"/>
    </row>
    <row r="87" spans="4:4" ht="13.5" hidden="1" customHeight="1" x14ac:dyDescent="0.25">
      <c r="D87" s="37"/>
    </row>
    <row r="88" spans="4:4" ht="13.5" hidden="1" customHeight="1" x14ac:dyDescent="0.25">
      <c r="D88" s="37"/>
    </row>
    <row r="89" spans="4:4" ht="13.5" hidden="1" customHeight="1" x14ac:dyDescent="0.25">
      <c r="D89" s="37"/>
    </row>
    <row r="90" spans="4:4" ht="13.5" hidden="1" customHeight="1" x14ac:dyDescent="0.25">
      <c r="D90" s="37"/>
    </row>
    <row r="91" spans="4:4" ht="13.5" hidden="1" customHeight="1" x14ac:dyDescent="0.25">
      <c r="D91" s="37"/>
    </row>
    <row r="92" spans="4:4" ht="13.5" hidden="1" customHeight="1" x14ac:dyDescent="0.25">
      <c r="D92" s="37"/>
    </row>
    <row r="93" spans="4:4" ht="13.5" hidden="1" customHeight="1" x14ac:dyDescent="0.25">
      <c r="D93" s="37"/>
    </row>
    <row r="94" spans="4:4" ht="13.5" hidden="1" customHeight="1" x14ac:dyDescent="0.25">
      <c r="D94" s="37"/>
    </row>
    <row r="95" spans="4:4" ht="13.5" hidden="1" customHeight="1" x14ac:dyDescent="0.25">
      <c r="D95" s="37"/>
    </row>
    <row r="96" spans="4:4" ht="13.5" hidden="1" customHeight="1" x14ac:dyDescent="0.25">
      <c r="D96" s="37"/>
    </row>
    <row r="97" spans="4:4" ht="13.5" hidden="1" customHeight="1" x14ac:dyDescent="0.25">
      <c r="D97" s="37"/>
    </row>
    <row r="98" spans="4:4" ht="13.5" hidden="1" customHeight="1" x14ac:dyDescent="0.25">
      <c r="D98" s="37"/>
    </row>
    <row r="99" spans="4:4" ht="13.5" hidden="1" customHeight="1" x14ac:dyDescent="0.25">
      <c r="D99" s="37"/>
    </row>
    <row r="100" spans="4:4" ht="13.5" hidden="1" customHeight="1" x14ac:dyDescent="0.25">
      <c r="D100" s="37"/>
    </row>
    <row r="101" spans="4:4" ht="13.5" hidden="1" customHeight="1" x14ac:dyDescent="0.25">
      <c r="D101" s="37"/>
    </row>
    <row r="102" spans="4:4" ht="13.5" hidden="1" customHeight="1" x14ac:dyDescent="0.25">
      <c r="D102" s="37"/>
    </row>
    <row r="103" spans="4:4" ht="13.5" hidden="1" customHeight="1" x14ac:dyDescent="0.25">
      <c r="D103" s="37"/>
    </row>
    <row r="104" spans="4:4" ht="13.5" hidden="1" customHeight="1" x14ac:dyDescent="0.25">
      <c r="D104" s="37"/>
    </row>
    <row r="105" spans="4:4" ht="13.5" hidden="1" customHeight="1" x14ac:dyDescent="0.25">
      <c r="D105" s="37"/>
    </row>
    <row r="106" spans="4:4" ht="13.5" hidden="1" customHeight="1" x14ac:dyDescent="0.25">
      <c r="D106" s="37"/>
    </row>
    <row r="107" spans="4:4" ht="13.5" hidden="1" customHeight="1" x14ac:dyDescent="0.25">
      <c r="D107" s="37"/>
    </row>
    <row r="108" spans="4:4" ht="13.5" hidden="1" customHeight="1" x14ac:dyDescent="0.25">
      <c r="D108" s="37"/>
    </row>
    <row r="109" spans="4:4" ht="13.5" hidden="1" customHeight="1" x14ac:dyDescent="0.25">
      <c r="D109" s="37"/>
    </row>
    <row r="110" spans="4:4" ht="13.5" hidden="1" customHeight="1" x14ac:dyDescent="0.25">
      <c r="D110" s="37"/>
    </row>
    <row r="111" spans="4:4" ht="13.5" hidden="1" customHeight="1" x14ac:dyDescent="0.25">
      <c r="D111" s="37"/>
    </row>
    <row r="112" spans="4:4" ht="13.5" hidden="1" customHeight="1" x14ac:dyDescent="0.25">
      <c r="D112" s="37"/>
    </row>
    <row r="113" spans="4:4" ht="13.5" hidden="1" customHeight="1" x14ac:dyDescent="0.25">
      <c r="D113" s="37"/>
    </row>
    <row r="114" spans="4:4" ht="13.5" hidden="1" customHeight="1" x14ac:dyDescent="0.25">
      <c r="D114" s="37"/>
    </row>
    <row r="115" spans="4:4" ht="13.5" hidden="1" customHeight="1" x14ac:dyDescent="0.25">
      <c r="D115" s="37"/>
    </row>
    <row r="116" spans="4:4" ht="13.5" hidden="1" customHeight="1" x14ac:dyDescent="0.25">
      <c r="D116" s="37"/>
    </row>
    <row r="117" spans="4:4" ht="13.5" hidden="1" customHeight="1" x14ac:dyDescent="0.25">
      <c r="D117" s="37"/>
    </row>
    <row r="118" spans="4:4" ht="13.5" hidden="1" customHeight="1" x14ac:dyDescent="0.25">
      <c r="D118" s="37"/>
    </row>
    <row r="119" spans="4:4" ht="13.5" hidden="1" customHeight="1" x14ac:dyDescent="0.25">
      <c r="D119" s="37"/>
    </row>
    <row r="120" spans="4:4" ht="13.5" hidden="1" customHeight="1" x14ac:dyDescent="0.25">
      <c r="D120" s="37"/>
    </row>
    <row r="121" spans="4:4" ht="13.5" hidden="1" customHeight="1" x14ac:dyDescent="0.25">
      <c r="D121" s="37"/>
    </row>
    <row r="122" spans="4:4" ht="13.5" hidden="1" customHeight="1" x14ac:dyDescent="0.25">
      <c r="D122" s="37"/>
    </row>
    <row r="123" spans="4:4" ht="13.5" hidden="1" customHeight="1" x14ac:dyDescent="0.25">
      <c r="D123" s="37"/>
    </row>
    <row r="124" spans="4:4" ht="13.5" hidden="1" customHeight="1" x14ac:dyDescent="0.25">
      <c r="D124" s="37"/>
    </row>
    <row r="125" spans="4:4" ht="13.5" hidden="1" customHeight="1" x14ac:dyDescent="0.25">
      <c r="D125" s="37"/>
    </row>
    <row r="126" spans="4:4" ht="13.5" hidden="1" customHeight="1" x14ac:dyDescent="0.25">
      <c r="D126" s="37"/>
    </row>
    <row r="127" spans="4:4" ht="13.5" hidden="1" customHeight="1" x14ac:dyDescent="0.25">
      <c r="D127" s="37"/>
    </row>
    <row r="128" spans="4:4" ht="13.5" hidden="1" customHeight="1" x14ac:dyDescent="0.25">
      <c r="D128" s="37"/>
    </row>
    <row r="129" spans="4:4" ht="13.5" hidden="1" customHeight="1" x14ac:dyDescent="0.25">
      <c r="D129" s="37"/>
    </row>
    <row r="130" spans="4:4" ht="13.5" hidden="1" customHeight="1" x14ac:dyDescent="0.25">
      <c r="D130" s="37"/>
    </row>
    <row r="131" spans="4:4" ht="13.5" hidden="1" customHeight="1" x14ac:dyDescent="0.25">
      <c r="D131" s="37"/>
    </row>
    <row r="132" spans="4:4" ht="13.5" hidden="1" customHeight="1" x14ac:dyDescent="0.25">
      <c r="D132" s="37"/>
    </row>
    <row r="133" spans="4:4" ht="13.5" hidden="1" customHeight="1" x14ac:dyDescent="0.25">
      <c r="D133" s="37"/>
    </row>
    <row r="134" spans="4:4" ht="13.5" hidden="1" customHeight="1" x14ac:dyDescent="0.25">
      <c r="D134" s="37"/>
    </row>
    <row r="135" spans="4:4" ht="13.5" hidden="1" customHeight="1" x14ac:dyDescent="0.25">
      <c r="D135" s="37"/>
    </row>
    <row r="136" spans="4:4" ht="13.5" hidden="1" customHeight="1" x14ac:dyDescent="0.25">
      <c r="D136" s="37"/>
    </row>
    <row r="137" spans="4:4" ht="13.5" hidden="1" customHeight="1" x14ac:dyDescent="0.25">
      <c r="D137" s="37"/>
    </row>
    <row r="138" spans="4:4" ht="13.5" hidden="1" customHeight="1" x14ac:dyDescent="0.25">
      <c r="D138" s="37"/>
    </row>
    <row r="139" spans="4:4" ht="13.5" hidden="1" customHeight="1" x14ac:dyDescent="0.25">
      <c r="D139" s="37"/>
    </row>
    <row r="140" spans="4:4" ht="13.5" hidden="1" customHeight="1" x14ac:dyDescent="0.25">
      <c r="D140" s="37"/>
    </row>
    <row r="141" spans="4:4" ht="13.5" hidden="1" customHeight="1" x14ac:dyDescent="0.25">
      <c r="D141" s="37"/>
    </row>
    <row r="142" spans="4:4" ht="13.5" hidden="1" customHeight="1" x14ac:dyDescent="0.25">
      <c r="D142" s="37"/>
    </row>
    <row r="143" spans="4:4" ht="13.5" hidden="1" customHeight="1" x14ac:dyDescent="0.25">
      <c r="D143" s="37"/>
    </row>
    <row r="144" spans="4:4" ht="13.5" hidden="1" customHeight="1" x14ac:dyDescent="0.25">
      <c r="D144" s="37"/>
    </row>
    <row r="145" spans="4:4" ht="13.5" hidden="1" customHeight="1" x14ac:dyDescent="0.25">
      <c r="D145" s="37"/>
    </row>
    <row r="146" spans="4:4" ht="13.5" hidden="1" customHeight="1" x14ac:dyDescent="0.25">
      <c r="D146" s="37"/>
    </row>
    <row r="147" spans="4:4" ht="13.5" hidden="1" customHeight="1" x14ac:dyDescent="0.25">
      <c r="D147" s="37"/>
    </row>
    <row r="148" spans="4:4" ht="13.5" hidden="1" customHeight="1" x14ac:dyDescent="0.25">
      <c r="D148" s="37"/>
    </row>
    <row r="149" spans="4:4" ht="13.5" hidden="1" customHeight="1" x14ac:dyDescent="0.25">
      <c r="D149" s="37"/>
    </row>
    <row r="150" spans="4:4" ht="13.5" hidden="1" customHeight="1" x14ac:dyDescent="0.25">
      <c r="D150" s="37"/>
    </row>
    <row r="151" spans="4:4" ht="13.5" hidden="1" customHeight="1" x14ac:dyDescent="0.25">
      <c r="D151" s="37"/>
    </row>
    <row r="152" spans="4:4" ht="13.5" hidden="1" customHeight="1" x14ac:dyDescent="0.25">
      <c r="D152" s="37"/>
    </row>
    <row r="153" spans="4:4" ht="13.5" hidden="1" customHeight="1" x14ac:dyDescent="0.25">
      <c r="D153" s="37"/>
    </row>
    <row r="154" spans="4:4" ht="13.5" hidden="1" customHeight="1" x14ac:dyDescent="0.25">
      <c r="D154" s="37"/>
    </row>
    <row r="155" spans="4:4" ht="13.5" hidden="1" customHeight="1" x14ac:dyDescent="0.25">
      <c r="D155" s="37"/>
    </row>
    <row r="156" spans="4:4" ht="13.5" hidden="1" customHeight="1" x14ac:dyDescent="0.25">
      <c r="D156" s="37"/>
    </row>
    <row r="157" spans="4:4" ht="13.5" hidden="1" customHeight="1" x14ac:dyDescent="0.25">
      <c r="D157" s="37"/>
    </row>
    <row r="158" spans="4:4" ht="13.5" hidden="1" customHeight="1" x14ac:dyDescent="0.25">
      <c r="D158" s="37"/>
    </row>
    <row r="159" spans="4:4" ht="13.5" hidden="1" customHeight="1" x14ac:dyDescent="0.25">
      <c r="D159" s="37"/>
    </row>
    <row r="160" spans="4:4" ht="13.5" hidden="1" customHeight="1" x14ac:dyDescent="0.25">
      <c r="D160" s="37"/>
    </row>
    <row r="161" spans="4:4" ht="13.5" hidden="1" customHeight="1" x14ac:dyDescent="0.25">
      <c r="D161" s="37"/>
    </row>
    <row r="162" spans="4:4" ht="13.5" hidden="1" customHeight="1" x14ac:dyDescent="0.25">
      <c r="D162" s="37"/>
    </row>
    <row r="163" spans="4:4" ht="13.5" hidden="1" customHeight="1" x14ac:dyDescent="0.25">
      <c r="D163" s="37"/>
    </row>
    <row r="164" spans="4:4" ht="13.5" hidden="1" customHeight="1" x14ac:dyDescent="0.25">
      <c r="D164" s="37"/>
    </row>
    <row r="165" spans="4:4" ht="13.5" hidden="1" customHeight="1" x14ac:dyDescent="0.25">
      <c r="D165" s="37"/>
    </row>
    <row r="166" spans="4:4" ht="13.5" hidden="1" customHeight="1" x14ac:dyDescent="0.25">
      <c r="D166" s="37"/>
    </row>
    <row r="167" spans="4:4" ht="13.5" hidden="1" customHeight="1" x14ac:dyDescent="0.25">
      <c r="D167" s="37"/>
    </row>
    <row r="168" spans="4:4" ht="13.5" hidden="1" customHeight="1" x14ac:dyDescent="0.25">
      <c r="D168" s="37"/>
    </row>
    <row r="169" spans="4:4" ht="13.5" hidden="1" customHeight="1" x14ac:dyDescent="0.25">
      <c r="D169" s="37"/>
    </row>
    <row r="170" spans="4:4" ht="13.5" hidden="1" customHeight="1" x14ac:dyDescent="0.25">
      <c r="D170" s="37"/>
    </row>
    <row r="171" spans="4:4" ht="13.5" hidden="1" customHeight="1" x14ac:dyDescent="0.25">
      <c r="D171" s="37"/>
    </row>
    <row r="172" spans="4:4" ht="13.5" hidden="1" customHeight="1" x14ac:dyDescent="0.25">
      <c r="D172" s="37"/>
    </row>
    <row r="173" spans="4:4" ht="13.5" hidden="1" customHeight="1" x14ac:dyDescent="0.25">
      <c r="D173" s="37"/>
    </row>
    <row r="174" spans="4:4" ht="13.5" hidden="1" customHeight="1" x14ac:dyDescent="0.25">
      <c r="D174" s="37"/>
    </row>
    <row r="175" spans="4:4" ht="13.5" hidden="1" customHeight="1" x14ac:dyDescent="0.25">
      <c r="D175" s="37"/>
    </row>
    <row r="176" spans="4:4" ht="13.5" hidden="1" customHeight="1" x14ac:dyDescent="0.25">
      <c r="D176" s="37"/>
    </row>
    <row r="177" spans="4:4" ht="13.5" hidden="1" customHeight="1" x14ac:dyDescent="0.25">
      <c r="D177" s="37"/>
    </row>
    <row r="178" spans="4:4" ht="13.5" hidden="1" customHeight="1" x14ac:dyDescent="0.25">
      <c r="D178" s="37"/>
    </row>
    <row r="179" spans="4:4" ht="13.5" hidden="1" customHeight="1" x14ac:dyDescent="0.25">
      <c r="D179" s="37"/>
    </row>
    <row r="180" spans="4:4" ht="13.5" hidden="1" customHeight="1" x14ac:dyDescent="0.25">
      <c r="D180" s="37"/>
    </row>
    <row r="181" spans="4:4" ht="13.5" hidden="1" customHeight="1" x14ac:dyDescent="0.25">
      <c r="D181" s="37"/>
    </row>
    <row r="182" spans="4:4" ht="13.5" hidden="1" customHeight="1" x14ac:dyDescent="0.25">
      <c r="D182" s="37"/>
    </row>
    <row r="183" spans="4:4" ht="13.5" hidden="1" customHeight="1" x14ac:dyDescent="0.25">
      <c r="D183" s="37"/>
    </row>
    <row r="184" spans="4:4" ht="13.5" hidden="1" customHeight="1" x14ac:dyDescent="0.25">
      <c r="D184" s="37"/>
    </row>
    <row r="185" spans="4:4" ht="13.5" hidden="1" customHeight="1" x14ac:dyDescent="0.25">
      <c r="D185" s="37"/>
    </row>
    <row r="186" spans="4:4" ht="13.5" hidden="1" customHeight="1" x14ac:dyDescent="0.25">
      <c r="D186" s="37"/>
    </row>
    <row r="187" spans="4:4" ht="13.5" hidden="1" customHeight="1" x14ac:dyDescent="0.25">
      <c r="D187" s="37"/>
    </row>
    <row r="188" spans="4:4" ht="13.5" hidden="1" customHeight="1" x14ac:dyDescent="0.25">
      <c r="D188" s="37"/>
    </row>
    <row r="189" spans="4:4" ht="13.5" hidden="1" customHeight="1" x14ac:dyDescent="0.25">
      <c r="D189" s="37"/>
    </row>
    <row r="190" spans="4:4" ht="13.5" hidden="1" customHeight="1" x14ac:dyDescent="0.25">
      <c r="D190" s="37"/>
    </row>
    <row r="191" spans="4:4" ht="13.5" hidden="1" customHeight="1" x14ac:dyDescent="0.25">
      <c r="D191" s="37"/>
    </row>
    <row r="192" spans="4:4" ht="13.5" hidden="1" customHeight="1" x14ac:dyDescent="0.25">
      <c r="D192" s="37"/>
    </row>
    <row r="193" spans="4:4" ht="13.5" hidden="1" customHeight="1" x14ac:dyDescent="0.25">
      <c r="D193" s="37"/>
    </row>
    <row r="194" spans="4:4" ht="13.5" hidden="1" customHeight="1" x14ac:dyDescent="0.25">
      <c r="D194" s="37"/>
    </row>
    <row r="195" spans="4:4" ht="13.5" hidden="1" customHeight="1" x14ac:dyDescent="0.25">
      <c r="D195" s="37"/>
    </row>
    <row r="196" spans="4:4" ht="13.5" hidden="1" customHeight="1" x14ac:dyDescent="0.25">
      <c r="D196" s="37"/>
    </row>
    <row r="197" spans="4:4" ht="13.5" hidden="1" customHeight="1" x14ac:dyDescent="0.25">
      <c r="D197" s="37"/>
    </row>
    <row r="198" spans="4:4" ht="13.5" hidden="1" customHeight="1" x14ac:dyDescent="0.25">
      <c r="D198" s="37"/>
    </row>
    <row r="199" spans="4:4" ht="13.5" hidden="1" customHeight="1" x14ac:dyDescent="0.25">
      <c r="D199" s="37"/>
    </row>
    <row r="200" spans="4:4" ht="13.5" hidden="1" customHeight="1" x14ac:dyDescent="0.25">
      <c r="D200" s="37"/>
    </row>
    <row r="201" spans="4:4" ht="13.5" hidden="1" customHeight="1" x14ac:dyDescent="0.25">
      <c r="D201" s="37"/>
    </row>
    <row r="202" spans="4:4" ht="13.5" hidden="1" customHeight="1" x14ac:dyDescent="0.25">
      <c r="D202" s="37"/>
    </row>
    <row r="203" spans="4:4" ht="13.5" hidden="1" customHeight="1" x14ac:dyDescent="0.25">
      <c r="D203" s="37"/>
    </row>
    <row r="204" spans="4:4" ht="13.5" hidden="1" customHeight="1" x14ac:dyDescent="0.25">
      <c r="D204" s="37"/>
    </row>
    <row r="205" spans="4:4" ht="13.5" hidden="1" customHeight="1" x14ac:dyDescent="0.25">
      <c r="D205" s="37"/>
    </row>
    <row r="206" spans="4:4" ht="13.5" hidden="1" customHeight="1" x14ac:dyDescent="0.25">
      <c r="D206" s="37"/>
    </row>
    <row r="207" spans="4:4" ht="13.5" hidden="1" customHeight="1" x14ac:dyDescent="0.25">
      <c r="D207" s="37"/>
    </row>
    <row r="208" spans="4:4" ht="13.5" hidden="1" customHeight="1" x14ac:dyDescent="0.25">
      <c r="D208" s="37"/>
    </row>
    <row r="209" spans="4:4" ht="13.5" hidden="1" customHeight="1" x14ac:dyDescent="0.25">
      <c r="D209" s="37"/>
    </row>
    <row r="210" spans="4:4" ht="13.5" hidden="1" customHeight="1" x14ac:dyDescent="0.25">
      <c r="D210" s="37"/>
    </row>
    <row r="211" spans="4:4" ht="13.5" hidden="1" customHeight="1" x14ac:dyDescent="0.25">
      <c r="D211" s="37"/>
    </row>
    <row r="212" spans="4:4" ht="13.5" hidden="1" customHeight="1" x14ac:dyDescent="0.25">
      <c r="D212" s="37"/>
    </row>
    <row r="213" spans="4:4" ht="13.5" hidden="1" customHeight="1" x14ac:dyDescent="0.25">
      <c r="D213" s="37"/>
    </row>
    <row r="214" spans="4:4" ht="13.5" hidden="1" customHeight="1" x14ac:dyDescent="0.25">
      <c r="D214" s="37"/>
    </row>
    <row r="215" spans="4:4" ht="13.5" hidden="1" customHeight="1" x14ac:dyDescent="0.25">
      <c r="D215" s="37"/>
    </row>
    <row r="216" spans="4:4" ht="13.5" hidden="1" customHeight="1" x14ac:dyDescent="0.25">
      <c r="D216" s="37"/>
    </row>
    <row r="217" spans="4:4" ht="13.5" hidden="1" customHeight="1" x14ac:dyDescent="0.25">
      <c r="D217" s="37"/>
    </row>
    <row r="218" spans="4:4" ht="13.5" hidden="1" customHeight="1" x14ac:dyDescent="0.25">
      <c r="D218" s="37"/>
    </row>
    <row r="219" spans="4:4" ht="13.5" hidden="1" customHeight="1" x14ac:dyDescent="0.25">
      <c r="D219" s="37"/>
    </row>
    <row r="220" spans="4:4" ht="13.5" hidden="1" customHeight="1" x14ac:dyDescent="0.25">
      <c r="D220" s="37"/>
    </row>
    <row r="221" spans="4:4" ht="13.5" hidden="1" customHeight="1" x14ac:dyDescent="0.25">
      <c r="D221" s="37"/>
    </row>
    <row r="222" spans="4:4" ht="13.5" hidden="1" customHeight="1" x14ac:dyDescent="0.25">
      <c r="D222" s="37"/>
    </row>
    <row r="223" spans="4:4" ht="13.5" hidden="1" customHeight="1" x14ac:dyDescent="0.25">
      <c r="D223" s="37"/>
    </row>
    <row r="224" spans="4:4" ht="13.5" hidden="1" customHeight="1" x14ac:dyDescent="0.25">
      <c r="D224" s="37"/>
    </row>
    <row r="225" spans="4:4" ht="13.5" hidden="1" customHeight="1" x14ac:dyDescent="0.25">
      <c r="D225" s="37"/>
    </row>
    <row r="226" spans="4:4" ht="13.5" hidden="1" customHeight="1" x14ac:dyDescent="0.25">
      <c r="D226" s="37"/>
    </row>
    <row r="227" spans="4:4" ht="13.5" hidden="1" customHeight="1" x14ac:dyDescent="0.25">
      <c r="D227" s="37"/>
    </row>
    <row r="228" spans="4:4" ht="13.5" hidden="1" customHeight="1" x14ac:dyDescent="0.25">
      <c r="D228" s="37"/>
    </row>
    <row r="229" spans="4:4" ht="13.5" hidden="1" customHeight="1" x14ac:dyDescent="0.25">
      <c r="D229" s="37"/>
    </row>
    <row r="230" spans="4:4" ht="13.5" hidden="1" customHeight="1" x14ac:dyDescent="0.25">
      <c r="D230" s="37"/>
    </row>
    <row r="231" spans="4:4" ht="13.5" hidden="1" customHeight="1" x14ac:dyDescent="0.25">
      <c r="D231" s="37"/>
    </row>
    <row r="232" spans="4:4" ht="13.5" hidden="1" customHeight="1" x14ac:dyDescent="0.25">
      <c r="D232" s="37"/>
    </row>
    <row r="233" spans="4:4" ht="13.5" hidden="1" customHeight="1" x14ac:dyDescent="0.25">
      <c r="D233" s="37"/>
    </row>
    <row r="234" spans="4:4" ht="13.5" hidden="1" customHeight="1" x14ac:dyDescent="0.25">
      <c r="D234" s="37"/>
    </row>
    <row r="235" spans="4:4" ht="13.5" hidden="1" customHeight="1" x14ac:dyDescent="0.25">
      <c r="D235" s="37"/>
    </row>
    <row r="236" spans="4:4" ht="13.5" hidden="1" customHeight="1" x14ac:dyDescent="0.25">
      <c r="D236" s="37"/>
    </row>
    <row r="237" spans="4:4" ht="13.5" hidden="1" customHeight="1" x14ac:dyDescent="0.25">
      <c r="D237" s="37"/>
    </row>
    <row r="238" spans="4:4" ht="13.5" hidden="1" customHeight="1" x14ac:dyDescent="0.25">
      <c r="D238" s="37"/>
    </row>
    <row r="239" spans="4:4" ht="13.5" hidden="1" customHeight="1" x14ac:dyDescent="0.25">
      <c r="D239" s="37"/>
    </row>
    <row r="240" spans="4:4" ht="13.5" hidden="1" customHeight="1" x14ac:dyDescent="0.25">
      <c r="D240" s="37"/>
    </row>
    <row r="241" spans="4:4" ht="13.5" hidden="1" customHeight="1" x14ac:dyDescent="0.25">
      <c r="D241" s="37"/>
    </row>
    <row r="242" spans="4:4" ht="13.5" hidden="1" customHeight="1" x14ac:dyDescent="0.25">
      <c r="D242" s="37"/>
    </row>
    <row r="243" spans="4:4" ht="13.5" hidden="1" customHeight="1" x14ac:dyDescent="0.25">
      <c r="D243" s="37"/>
    </row>
    <row r="244" spans="4:4" ht="13.5" hidden="1" customHeight="1" x14ac:dyDescent="0.25">
      <c r="D244" s="37"/>
    </row>
    <row r="245" spans="4:4" ht="13.5" hidden="1" customHeight="1" x14ac:dyDescent="0.25">
      <c r="D245" s="37"/>
    </row>
    <row r="246" spans="4:4" ht="13.5" hidden="1" customHeight="1" x14ac:dyDescent="0.25">
      <c r="D246" s="37"/>
    </row>
    <row r="247" spans="4:4" ht="13.5" hidden="1" customHeight="1" x14ac:dyDescent="0.25">
      <c r="D247" s="37"/>
    </row>
    <row r="248" spans="4:4" ht="13.5" hidden="1" customHeight="1" x14ac:dyDescent="0.25">
      <c r="D248" s="37"/>
    </row>
    <row r="249" spans="4:4" ht="13.5" hidden="1" customHeight="1" x14ac:dyDescent="0.25">
      <c r="D249" s="37"/>
    </row>
    <row r="250" spans="4:4" ht="13.5" hidden="1" customHeight="1" x14ac:dyDescent="0.25">
      <c r="D250" s="37"/>
    </row>
    <row r="251" spans="4:4" ht="13.5" hidden="1" customHeight="1" x14ac:dyDescent="0.25">
      <c r="D251" s="37"/>
    </row>
    <row r="252" spans="4:4" ht="13.5" hidden="1" customHeight="1" x14ac:dyDescent="0.25">
      <c r="D252" s="37"/>
    </row>
    <row r="253" spans="4:4" ht="13.5" hidden="1" customHeight="1" x14ac:dyDescent="0.25">
      <c r="D253" s="37"/>
    </row>
    <row r="254" spans="4:4" ht="13.5" hidden="1" customHeight="1" x14ac:dyDescent="0.25">
      <c r="D254" s="37"/>
    </row>
    <row r="255" spans="4:4" ht="13.5" hidden="1" customHeight="1" x14ac:dyDescent="0.25">
      <c r="D255" s="37"/>
    </row>
    <row r="256" spans="4:4" ht="13.5" hidden="1" customHeight="1" x14ac:dyDescent="0.25">
      <c r="D256" s="37"/>
    </row>
    <row r="257" spans="4:4" ht="13.5" hidden="1" customHeight="1" x14ac:dyDescent="0.25">
      <c r="D257" s="37"/>
    </row>
    <row r="258" spans="4:4" ht="13.5" hidden="1" customHeight="1" x14ac:dyDescent="0.25">
      <c r="D258" s="37"/>
    </row>
    <row r="259" spans="4:4" ht="13.5" hidden="1" customHeight="1" x14ac:dyDescent="0.25">
      <c r="D259" s="37"/>
    </row>
    <row r="260" spans="4:4" ht="13.5" hidden="1" customHeight="1" x14ac:dyDescent="0.25">
      <c r="D260" s="37"/>
    </row>
    <row r="261" spans="4:4" ht="13.5" hidden="1" customHeight="1" x14ac:dyDescent="0.25">
      <c r="D261" s="37"/>
    </row>
    <row r="262" spans="4:4" ht="13.5" hidden="1" customHeight="1" x14ac:dyDescent="0.25">
      <c r="D262" s="37"/>
    </row>
    <row r="263" spans="4:4" ht="13.5" hidden="1" customHeight="1" x14ac:dyDescent="0.25">
      <c r="D263" s="37"/>
    </row>
    <row r="264" spans="4:4" ht="13.5" hidden="1" customHeight="1" x14ac:dyDescent="0.25">
      <c r="D264" s="37"/>
    </row>
    <row r="265" spans="4:4" ht="13.5" hidden="1" customHeight="1" x14ac:dyDescent="0.25">
      <c r="D265" s="37"/>
    </row>
    <row r="266" spans="4:4" ht="13.5" hidden="1" customHeight="1" x14ac:dyDescent="0.25">
      <c r="D266" s="37"/>
    </row>
    <row r="267" spans="4:4" ht="13.5" hidden="1" customHeight="1" x14ac:dyDescent="0.25">
      <c r="D267" s="37"/>
    </row>
    <row r="268" spans="4:4" ht="13.5" hidden="1" customHeight="1" x14ac:dyDescent="0.25">
      <c r="D268" s="37"/>
    </row>
    <row r="269" spans="4:4" ht="13.5" hidden="1" customHeight="1" x14ac:dyDescent="0.25">
      <c r="D269" s="37"/>
    </row>
    <row r="270" spans="4:4" ht="13.5" hidden="1" customHeight="1" x14ac:dyDescent="0.25">
      <c r="D270" s="37"/>
    </row>
    <row r="271" spans="4:4" ht="13.5" hidden="1" customHeight="1" x14ac:dyDescent="0.25">
      <c r="D271" s="37"/>
    </row>
    <row r="272" spans="4:4" ht="13.5" hidden="1" customHeight="1" x14ac:dyDescent="0.25">
      <c r="D272" s="37"/>
    </row>
    <row r="273" spans="4:4" ht="13.5" hidden="1" customHeight="1" x14ac:dyDescent="0.25">
      <c r="D273" s="37"/>
    </row>
    <row r="274" spans="4:4" ht="13.5" hidden="1" customHeight="1" x14ac:dyDescent="0.25">
      <c r="D274" s="37"/>
    </row>
    <row r="275" spans="4:4" ht="13.5" hidden="1" customHeight="1" x14ac:dyDescent="0.25">
      <c r="D275" s="37"/>
    </row>
    <row r="276" spans="4:4" ht="13.5" hidden="1" customHeight="1" x14ac:dyDescent="0.25">
      <c r="D276" s="37"/>
    </row>
    <row r="277" spans="4:4" ht="13.5" hidden="1" customHeight="1" x14ac:dyDescent="0.25">
      <c r="D277" s="37"/>
    </row>
    <row r="278" spans="4:4" ht="13.5" hidden="1" customHeight="1" x14ac:dyDescent="0.25">
      <c r="D278" s="37"/>
    </row>
    <row r="279" spans="4:4" ht="13.5" hidden="1" customHeight="1" x14ac:dyDescent="0.25">
      <c r="D279" s="37"/>
    </row>
    <row r="280" spans="4:4" ht="13.5" hidden="1" customHeight="1" x14ac:dyDescent="0.25">
      <c r="D280" s="37"/>
    </row>
    <row r="281" spans="4:4" ht="13.5" hidden="1" customHeight="1" x14ac:dyDescent="0.25">
      <c r="D281" s="37"/>
    </row>
    <row r="282" spans="4:4" ht="13.5" hidden="1" customHeight="1" x14ac:dyDescent="0.25">
      <c r="D282" s="37"/>
    </row>
    <row r="283" spans="4:4" ht="13.5" hidden="1" customHeight="1" x14ac:dyDescent="0.25">
      <c r="D283" s="37"/>
    </row>
    <row r="284" spans="4:4" ht="13.5" hidden="1" customHeight="1" x14ac:dyDescent="0.25">
      <c r="D284" s="37"/>
    </row>
    <row r="285" spans="4:4" ht="13.5" hidden="1" customHeight="1" x14ac:dyDescent="0.25">
      <c r="D285" s="37"/>
    </row>
    <row r="286" spans="4:4" ht="13.5" hidden="1" customHeight="1" x14ac:dyDescent="0.25">
      <c r="D286" s="37"/>
    </row>
    <row r="287" spans="4:4" ht="13.5" hidden="1" customHeight="1" x14ac:dyDescent="0.25">
      <c r="D287" s="37"/>
    </row>
    <row r="288" spans="4:4" ht="13.5" hidden="1" customHeight="1" x14ac:dyDescent="0.25">
      <c r="D288" s="37"/>
    </row>
    <row r="289" spans="4:4" ht="13.5" hidden="1" customHeight="1" x14ac:dyDescent="0.25">
      <c r="D289" s="37"/>
    </row>
    <row r="290" spans="4:4" ht="13.5" hidden="1" customHeight="1" x14ac:dyDescent="0.25">
      <c r="D290" s="37"/>
    </row>
    <row r="291" spans="4:4" ht="13.5" hidden="1" customHeight="1" x14ac:dyDescent="0.25">
      <c r="D291" s="37"/>
    </row>
    <row r="292" spans="4:4" ht="13.5" hidden="1" customHeight="1" x14ac:dyDescent="0.25">
      <c r="D292" s="37"/>
    </row>
    <row r="293" spans="4:4" ht="13.5" hidden="1" customHeight="1" x14ac:dyDescent="0.25">
      <c r="D293" s="37"/>
    </row>
    <row r="294" spans="4:4" ht="13.5" hidden="1" customHeight="1" x14ac:dyDescent="0.25">
      <c r="D294" s="37"/>
    </row>
    <row r="295" spans="4:4" ht="13.5" hidden="1" customHeight="1" x14ac:dyDescent="0.25">
      <c r="D295" s="37"/>
    </row>
    <row r="296" spans="4:4" ht="13.5" hidden="1" customHeight="1" x14ac:dyDescent="0.25">
      <c r="D296" s="37"/>
    </row>
    <row r="297" spans="4:4" ht="13.5" hidden="1" customHeight="1" x14ac:dyDescent="0.25">
      <c r="D297" s="37"/>
    </row>
    <row r="298" spans="4:4" ht="13.5" hidden="1" customHeight="1" x14ac:dyDescent="0.25">
      <c r="D298" s="37"/>
    </row>
    <row r="299" spans="4:4" ht="13.5" hidden="1" customHeight="1" x14ac:dyDescent="0.25">
      <c r="D299" s="37"/>
    </row>
    <row r="300" spans="4:4" ht="13.5" hidden="1" customHeight="1" x14ac:dyDescent="0.25">
      <c r="D300" s="37"/>
    </row>
    <row r="301" spans="4:4" ht="13.5" hidden="1" customHeight="1" x14ac:dyDescent="0.25">
      <c r="D301" s="37"/>
    </row>
    <row r="302" spans="4:4" ht="13.5" hidden="1" customHeight="1" x14ac:dyDescent="0.25">
      <c r="D302" s="37"/>
    </row>
    <row r="303" spans="4:4" ht="13.5" hidden="1" customHeight="1" x14ac:dyDescent="0.25">
      <c r="D303" s="37"/>
    </row>
    <row r="304" spans="4:4" ht="13.5" hidden="1" customHeight="1" x14ac:dyDescent="0.25">
      <c r="D304" s="37"/>
    </row>
    <row r="305" spans="4:4" ht="13.5" hidden="1" customHeight="1" x14ac:dyDescent="0.25">
      <c r="D305" s="37"/>
    </row>
    <row r="306" spans="4:4" ht="13.5" hidden="1" customHeight="1" x14ac:dyDescent="0.25">
      <c r="D306" s="37"/>
    </row>
    <row r="307" spans="4:4" ht="13.5" hidden="1" customHeight="1" x14ac:dyDescent="0.25">
      <c r="D307" s="37"/>
    </row>
    <row r="308" spans="4:4" ht="13.5" hidden="1" customHeight="1" x14ac:dyDescent="0.25">
      <c r="D308" s="37"/>
    </row>
    <row r="309" spans="4:4" ht="13.5" hidden="1" customHeight="1" x14ac:dyDescent="0.25">
      <c r="D309" s="37"/>
    </row>
    <row r="310" spans="4:4" ht="13.5" hidden="1" customHeight="1" x14ac:dyDescent="0.25">
      <c r="D310" s="37"/>
    </row>
    <row r="311" spans="4:4" ht="13.5" hidden="1" customHeight="1" x14ac:dyDescent="0.25">
      <c r="D311" s="37"/>
    </row>
    <row r="312" spans="4:4" ht="13.5" hidden="1" customHeight="1" x14ac:dyDescent="0.25">
      <c r="D312" s="37"/>
    </row>
    <row r="313" spans="4:4" ht="13.5" hidden="1" customHeight="1" x14ac:dyDescent="0.25">
      <c r="D313" s="37"/>
    </row>
    <row r="314" spans="4:4" ht="13.5" hidden="1" customHeight="1" x14ac:dyDescent="0.25">
      <c r="D314" s="37"/>
    </row>
    <row r="315" spans="4:4" ht="13.5" hidden="1" customHeight="1" x14ac:dyDescent="0.25">
      <c r="D315" s="37"/>
    </row>
    <row r="316" spans="4:4" ht="13.5" hidden="1" customHeight="1" x14ac:dyDescent="0.25">
      <c r="D316" s="37"/>
    </row>
    <row r="317" spans="4:4" ht="13.5" hidden="1" customHeight="1" x14ac:dyDescent="0.25">
      <c r="D317" s="37"/>
    </row>
    <row r="318" spans="4:4" ht="13.5" hidden="1" customHeight="1" x14ac:dyDescent="0.25">
      <c r="D318" s="37"/>
    </row>
    <row r="319" spans="4:4" ht="13.5" hidden="1" customHeight="1" x14ac:dyDescent="0.25">
      <c r="D319" s="37"/>
    </row>
    <row r="320" spans="4:4" ht="13.5" hidden="1" customHeight="1" x14ac:dyDescent="0.25">
      <c r="D320" s="37"/>
    </row>
    <row r="321" spans="4:4" ht="13.5" hidden="1" customHeight="1" x14ac:dyDescent="0.25">
      <c r="D321" s="37"/>
    </row>
    <row r="322" spans="4:4" ht="13.5" hidden="1" customHeight="1" x14ac:dyDescent="0.25">
      <c r="D322" s="37"/>
    </row>
    <row r="323" spans="4:4" ht="13.5" hidden="1" customHeight="1" x14ac:dyDescent="0.25">
      <c r="D323" s="37"/>
    </row>
    <row r="324" spans="4:4" ht="13.5" hidden="1" customHeight="1" x14ac:dyDescent="0.25">
      <c r="D324" s="37"/>
    </row>
    <row r="325" spans="4:4" ht="13.5" hidden="1" customHeight="1" x14ac:dyDescent="0.25">
      <c r="D325" s="37"/>
    </row>
    <row r="326" spans="4:4" ht="13.5" hidden="1" customHeight="1" x14ac:dyDescent="0.25">
      <c r="D326" s="37"/>
    </row>
    <row r="327" spans="4:4" ht="13.5" hidden="1" customHeight="1" x14ac:dyDescent="0.25">
      <c r="D327" s="37"/>
    </row>
    <row r="328" spans="4:4" ht="13.5" hidden="1" customHeight="1" x14ac:dyDescent="0.25">
      <c r="D328" s="37"/>
    </row>
    <row r="329" spans="4:4" ht="13.5" hidden="1" customHeight="1" x14ac:dyDescent="0.25">
      <c r="D329" s="37"/>
    </row>
    <row r="330" spans="4:4" ht="13.5" hidden="1" customHeight="1" x14ac:dyDescent="0.25">
      <c r="D330" s="37"/>
    </row>
    <row r="331" spans="4:4" ht="13.5" hidden="1" customHeight="1" x14ac:dyDescent="0.25">
      <c r="D331" s="37"/>
    </row>
    <row r="332" spans="4:4" ht="13.5" hidden="1" customHeight="1" x14ac:dyDescent="0.25">
      <c r="D332" s="37"/>
    </row>
    <row r="333" spans="4:4" ht="13.5" hidden="1" customHeight="1" x14ac:dyDescent="0.25">
      <c r="D333" s="37"/>
    </row>
    <row r="334" spans="4:4" ht="13.5" hidden="1" customHeight="1" x14ac:dyDescent="0.25">
      <c r="D334" s="37"/>
    </row>
    <row r="335" spans="4:4" ht="13.5" hidden="1" customHeight="1" x14ac:dyDescent="0.25">
      <c r="D335" s="37"/>
    </row>
    <row r="336" spans="4:4" ht="13.5" hidden="1" customHeight="1" x14ac:dyDescent="0.25">
      <c r="D336" s="37"/>
    </row>
    <row r="337" spans="4:4" ht="13.5" hidden="1" customHeight="1" x14ac:dyDescent="0.25">
      <c r="D337" s="37"/>
    </row>
    <row r="338" spans="4:4" ht="13.5" hidden="1" customHeight="1" x14ac:dyDescent="0.25">
      <c r="D338" s="37"/>
    </row>
    <row r="339" spans="4:4" ht="13.5" hidden="1" customHeight="1" x14ac:dyDescent="0.25">
      <c r="D339" s="37"/>
    </row>
    <row r="340" spans="4:4" ht="13.5" hidden="1" customHeight="1" x14ac:dyDescent="0.25">
      <c r="D340" s="37"/>
    </row>
    <row r="341" spans="4:4" ht="13.5" hidden="1" customHeight="1" x14ac:dyDescent="0.25">
      <c r="D341" s="37"/>
    </row>
    <row r="342" spans="4:4" ht="13.5" hidden="1" customHeight="1" x14ac:dyDescent="0.25">
      <c r="D342" s="37"/>
    </row>
    <row r="343" spans="4:4" ht="13.5" hidden="1" customHeight="1" x14ac:dyDescent="0.25">
      <c r="D343" s="37"/>
    </row>
    <row r="344" spans="4:4" ht="13.5" hidden="1" customHeight="1" x14ac:dyDescent="0.25">
      <c r="D344" s="37"/>
    </row>
    <row r="345" spans="4:4" ht="13.5" hidden="1" customHeight="1" x14ac:dyDescent="0.25">
      <c r="D345" s="37"/>
    </row>
    <row r="346" spans="4:4" ht="13.5" hidden="1" customHeight="1" x14ac:dyDescent="0.25">
      <c r="D346" s="37"/>
    </row>
    <row r="347" spans="4:4" ht="13.5" hidden="1" customHeight="1" x14ac:dyDescent="0.25">
      <c r="D347" s="37"/>
    </row>
    <row r="348" spans="4:4" ht="13.5" hidden="1" customHeight="1" x14ac:dyDescent="0.25">
      <c r="D348" s="37"/>
    </row>
    <row r="349" spans="4:4" ht="13.5" hidden="1" customHeight="1" x14ac:dyDescent="0.25">
      <c r="D349" s="37"/>
    </row>
    <row r="350" spans="4:4" ht="13.5" hidden="1" customHeight="1" x14ac:dyDescent="0.25">
      <c r="D350" s="37"/>
    </row>
    <row r="351" spans="4:4" ht="13.5" hidden="1" customHeight="1" x14ac:dyDescent="0.25">
      <c r="D351" s="37"/>
    </row>
    <row r="352" spans="4:4" ht="13.5" hidden="1" customHeight="1" x14ac:dyDescent="0.25">
      <c r="D352" s="37"/>
    </row>
    <row r="353" spans="4:4" ht="13.5" hidden="1" customHeight="1" x14ac:dyDescent="0.25">
      <c r="D353" s="37"/>
    </row>
    <row r="354" spans="4:4" ht="13.5" hidden="1" customHeight="1" x14ac:dyDescent="0.25">
      <c r="D354" s="37"/>
    </row>
    <row r="355" spans="4:4" ht="13.5" hidden="1" customHeight="1" x14ac:dyDescent="0.25">
      <c r="D355" s="37"/>
    </row>
    <row r="356" spans="4:4" ht="13.5" hidden="1" customHeight="1" x14ac:dyDescent="0.25">
      <c r="D356" s="37"/>
    </row>
    <row r="357" spans="4:4" ht="13.5" hidden="1" customHeight="1" x14ac:dyDescent="0.25">
      <c r="D357" s="37"/>
    </row>
    <row r="358" spans="4:4" ht="13.5" hidden="1" customHeight="1" x14ac:dyDescent="0.25">
      <c r="D358" s="37"/>
    </row>
    <row r="359" spans="4:4" ht="13.5" hidden="1" customHeight="1" x14ac:dyDescent="0.25">
      <c r="D359" s="37"/>
    </row>
    <row r="360" spans="4:4" ht="13.5" hidden="1" customHeight="1" x14ac:dyDescent="0.25">
      <c r="D360" s="37"/>
    </row>
    <row r="361" spans="4:4" ht="13.5" hidden="1" customHeight="1" x14ac:dyDescent="0.25">
      <c r="D361" s="37"/>
    </row>
    <row r="362" spans="4:4" ht="13.5" hidden="1" customHeight="1" x14ac:dyDescent="0.25">
      <c r="D362" s="37"/>
    </row>
    <row r="363" spans="4:4" ht="13.5" hidden="1" customHeight="1" x14ac:dyDescent="0.25">
      <c r="D363" s="37"/>
    </row>
    <row r="364" spans="4:4" ht="13.5" hidden="1" customHeight="1" x14ac:dyDescent="0.25">
      <c r="D364" s="37"/>
    </row>
    <row r="365" spans="4:4" ht="13.5" hidden="1" customHeight="1" x14ac:dyDescent="0.25">
      <c r="D365" s="37"/>
    </row>
    <row r="366" spans="4:4" ht="13.5" hidden="1" customHeight="1" x14ac:dyDescent="0.25">
      <c r="D366" s="37"/>
    </row>
    <row r="367" spans="4:4" ht="13.5" hidden="1" customHeight="1" x14ac:dyDescent="0.25">
      <c r="D367" s="37"/>
    </row>
    <row r="368" spans="4:4" ht="13.5" hidden="1" customHeight="1" x14ac:dyDescent="0.25">
      <c r="D368" s="37"/>
    </row>
    <row r="369" spans="4:4" ht="13.5" hidden="1" customHeight="1" x14ac:dyDescent="0.25">
      <c r="D369" s="37"/>
    </row>
    <row r="370" spans="4:4" ht="13.5" hidden="1" customHeight="1" x14ac:dyDescent="0.25">
      <c r="D370" s="37"/>
    </row>
    <row r="371" spans="4:4" ht="13.5" hidden="1" customHeight="1" x14ac:dyDescent="0.25">
      <c r="D371" s="37"/>
    </row>
    <row r="372" spans="4:4" ht="13.5" hidden="1" customHeight="1" x14ac:dyDescent="0.25">
      <c r="D372" s="37"/>
    </row>
    <row r="373" spans="4:4" ht="13.5" hidden="1" customHeight="1" x14ac:dyDescent="0.25">
      <c r="D373" s="37"/>
    </row>
    <row r="374" spans="4:4" ht="13.5" hidden="1" customHeight="1" x14ac:dyDescent="0.25">
      <c r="D374" s="37"/>
    </row>
    <row r="375" spans="4:4" ht="13.5" hidden="1" customHeight="1" x14ac:dyDescent="0.25">
      <c r="D375" s="37"/>
    </row>
    <row r="376" spans="4:4" ht="13.5" hidden="1" customHeight="1" x14ac:dyDescent="0.25">
      <c r="D376" s="37"/>
    </row>
    <row r="377" spans="4:4" ht="13.5" hidden="1" customHeight="1" x14ac:dyDescent="0.25">
      <c r="D377" s="37"/>
    </row>
    <row r="378" spans="4:4" ht="13.5" hidden="1" customHeight="1" x14ac:dyDescent="0.25">
      <c r="D378" s="37"/>
    </row>
    <row r="379" spans="4:4" ht="13.5" hidden="1" customHeight="1" x14ac:dyDescent="0.25">
      <c r="D379" s="37"/>
    </row>
    <row r="380" spans="4:4" ht="13.5" hidden="1" customHeight="1" x14ac:dyDescent="0.25">
      <c r="D380" s="37"/>
    </row>
    <row r="381" spans="4:4" ht="13.5" hidden="1" customHeight="1" x14ac:dyDescent="0.25">
      <c r="D381" s="37"/>
    </row>
    <row r="382" spans="4:4" ht="13.5" hidden="1" customHeight="1" x14ac:dyDescent="0.25">
      <c r="D382" s="37"/>
    </row>
    <row r="383" spans="4:4" ht="13.5" hidden="1" customHeight="1" x14ac:dyDescent="0.25">
      <c r="D383" s="37"/>
    </row>
    <row r="384" spans="4:4" ht="13.5" hidden="1" customHeight="1" x14ac:dyDescent="0.25">
      <c r="D384" s="37"/>
    </row>
    <row r="385" spans="4:4" ht="13.5" hidden="1" customHeight="1" x14ac:dyDescent="0.25">
      <c r="D385" s="37"/>
    </row>
    <row r="386" spans="4:4" ht="13.5" hidden="1" customHeight="1" x14ac:dyDescent="0.25">
      <c r="D386" s="37"/>
    </row>
    <row r="387" spans="4:4" ht="13.5" hidden="1" customHeight="1" x14ac:dyDescent="0.25">
      <c r="D387" s="37"/>
    </row>
    <row r="388" spans="4:4" ht="13.5" hidden="1" customHeight="1" x14ac:dyDescent="0.25">
      <c r="D388" s="37"/>
    </row>
    <row r="389" spans="4:4" ht="13.5" hidden="1" customHeight="1" x14ac:dyDescent="0.25">
      <c r="D389" s="37"/>
    </row>
    <row r="390" spans="4:4" ht="13.5" hidden="1" customHeight="1" x14ac:dyDescent="0.25">
      <c r="D390" s="37"/>
    </row>
    <row r="391" spans="4:4" ht="13.5" hidden="1" customHeight="1" x14ac:dyDescent="0.25">
      <c r="D391" s="37"/>
    </row>
    <row r="392" spans="4:4" ht="13.5" hidden="1" customHeight="1" x14ac:dyDescent="0.25">
      <c r="D392" s="37"/>
    </row>
    <row r="393" spans="4:4" ht="13.5" hidden="1" customHeight="1" x14ac:dyDescent="0.25">
      <c r="D393" s="37"/>
    </row>
    <row r="394" spans="4:4" ht="13.5" hidden="1" customHeight="1" x14ac:dyDescent="0.25">
      <c r="D394" s="37"/>
    </row>
    <row r="395" spans="4:4" ht="13.5" hidden="1" customHeight="1" x14ac:dyDescent="0.25">
      <c r="D395" s="37"/>
    </row>
    <row r="396" spans="4:4" ht="13.5" hidden="1" customHeight="1" x14ac:dyDescent="0.25">
      <c r="D396" s="37"/>
    </row>
    <row r="397" spans="4:4" ht="13.5" hidden="1" customHeight="1" x14ac:dyDescent="0.25">
      <c r="D397" s="37"/>
    </row>
    <row r="398" spans="4:4" ht="13.5" hidden="1" customHeight="1" x14ac:dyDescent="0.25">
      <c r="D398" s="37"/>
    </row>
    <row r="399" spans="4:4" ht="13.5" hidden="1" customHeight="1" x14ac:dyDescent="0.25">
      <c r="D399" s="37"/>
    </row>
    <row r="400" spans="4:4" ht="13.5" hidden="1" customHeight="1" x14ac:dyDescent="0.25">
      <c r="D400" s="37"/>
    </row>
    <row r="401" spans="4:4" ht="13.5" hidden="1" customHeight="1" x14ac:dyDescent="0.25">
      <c r="D401" s="37"/>
    </row>
    <row r="402" spans="4:4" ht="13.5" hidden="1" customHeight="1" x14ac:dyDescent="0.25">
      <c r="D402" s="37"/>
    </row>
    <row r="403" spans="4:4" ht="13.5" hidden="1" customHeight="1" x14ac:dyDescent="0.25">
      <c r="D403" s="37"/>
    </row>
    <row r="404" spans="4:4" ht="13.5" hidden="1" customHeight="1" x14ac:dyDescent="0.25">
      <c r="D404" s="37"/>
    </row>
    <row r="405" spans="4:4" ht="13.5" hidden="1" customHeight="1" x14ac:dyDescent="0.25">
      <c r="D405" s="37"/>
    </row>
    <row r="406" spans="4:4" ht="13.5" hidden="1" customHeight="1" x14ac:dyDescent="0.25">
      <c r="D406" s="37"/>
    </row>
    <row r="407" spans="4:4" ht="13.5" hidden="1" customHeight="1" x14ac:dyDescent="0.25">
      <c r="D407" s="37"/>
    </row>
    <row r="408" spans="4:4" ht="13.5" hidden="1" customHeight="1" x14ac:dyDescent="0.25">
      <c r="D408" s="37"/>
    </row>
    <row r="409" spans="4:4" ht="13.5" hidden="1" customHeight="1" x14ac:dyDescent="0.25">
      <c r="D409" s="37"/>
    </row>
    <row r="410" spans="4:4" ht="13.5" hidden="1" customHeight="1" x14ac:dyDescent="0.25">
      <c r="D410" s="37"/>
    </row>
    <row r="411" spans="4:4" ht="13.5" hidden="1" customHeight="1" x14ac:dyDescent="0.25">
      <c r="D411" s="37"/>
    </row>
    <row r="412" spans="4:4" ht="13.5" hidden="1" customHeight="1" x14ac:dyDescent="0.25">
      <c r="D412" s="37"/>
    </row>
    <row r="413" spans="4:4" ht="13.5" hidden="1" customHeight="1" x14ac:dyDescent="0.25">
      <c r="D413" s="37"/>
    </row>
    <row r="414" spans="4:4" ht="13.5" hidden="1" customHeight="1" x14ac:dyDescent="0.25">
      <c r="D414" s="37"/>
    </row>
    <row r="415" spans="4:4" ht="13.5" hidden="1" customHeight="1" x14ac:dyDescent="0.25">
      <c r="D415" s="37"/>
    </row>
    <row r="416" spans="4:4" ht="13.5" hidden="1" customHeight="1" x14ac:dyDescent="0.25">
      <c r="D416" s="37"/>
    </row>
    <row r="417" spans="4:4" ht="13.5" hidden="1" customHeight="1" x14ac:dyDescent="0.25">
      <c r="D417" s="37"/>
    </row>
    <row r="418" spans="4:4" ht="13.5" hidden="1" customHeight="1" x14ac:dyDescent="0.25">
      <c r="D418" s="37"/>
    </row>
    <row r="419" spans="4:4" ht="13.5" hidden="1" customHeight="1" x14ac:dyDescent="0.25">
      <c r="D419" s="37"/>
    </row>
    <row r="420" spans="4:4" ht="13.5" hidden="1" customHeight="1" x14ac:dyDescent="0.25">
      <c r="D420" s="37"/>
    </row>
    <row r="421" spans="4:4" ht="13.5" hidden="1" customHeight="1" x14ac:dyDescent="0.25">
      <c r="D421" s="37"/>
    </row>
    <row r="422" spans="4:4" ht="13.5" hidden="1" customHeight="1" x14ac:dyDescent="0.25">
      <c r="D422" s="37"/>
    </row>
    <row r="423" spans="4:4" ht="13.5" hidden="1" customHeight="1" x14ac:dyDescent="0.25">
      <c r="D423" s="37"/>
    </row>
    <row r="424" spans="4:4" ht="13.5" hidden="1" customHeight="1" x14ac:dyDescent="0.25">
      <c r="D424" s="37"/>
    </row>
    <row r="425" spans="4:4" ht="13.5" hidden="1" customHeight="1" x14ac:dyDescent="0.25">
      <c r="D425" s="37"/>
    </row>
    <row r="426" spans="4:4" ht="13.5" hidden="1" customHeight="1" x14ac:dyDescent="0.25">
      <c r="D426" s="37"/>
    </row>
    <row r="427" spans="4:4" ht="13.5" hidden="1" customHeight="1" x14ac:dyDescent="0.25">
      <c r="D427" s="37"/>
    </row>
    <row r="428" spans="4:4" ht="13.5" hidden="1" customHeight="1" x14ac:dyDescent="0.25">
      <c r="D428" s="37"/>
    </row>
    <row r="429" spans="4:4" ht="13.5" hidden="1" customHeight="1" x14ac:dyDescent="0.25">
      <c r="D429" s="37"/>
    </row>
    <row r="430" spans="4:4" ht="13.5" hidden="1" customHeight="1" x14ac:dyDescent="0.25">
      <c r="D430" s="37"/>
    </row>
    <row r="431" spans="4:4" ht="13.5" hidden="1" customHeight="1" x14ac:dyDescent="0.25">
      <c r="D431" s="37"/>
    </row>
    <row r="432" spans="4:4" ht="13.5" hidden="1" customHeight="1" x14ac:dyDescent="0.25">
      <c r="D432" s="37"/>
    </row>
    <row r="433" spans="4:4" ht="13.5" hidden="1" customHeight="1" x14ac:dyDescent="0.25">
      <c r="D433" s="37"/>
    </row>
    <row r="434" spans="4:4" ht="13.5" hidden="1" customHeight="1" x14ac:dyDescent="0.25">
      <c r="D434" s="37"/>
    </row>
    <row r="435" spans="4:4" ht="13.5" hidden="1" customHeight="1" x14ac:dyDescent="0.25">
      <c r="D435" s="37"/>
    </row>
    <row r="436" spans="4:4" ht="13.5" hidden="1" customHeight="1" x14ac:dyDescent="0.25">
      <c r="D436" s="37"/>
    </row>
    <row r="437" spans="4:4" ht="13.5" hidden="1" customHeight="1" x14ac:dyDescent="0.25">
      <c r="D437" s="37"/>
    </row>
    <row r="438" spans="4:4" ht="13.5" hidden="1" customHeight="1" x14ac:dyDescent="0.25">
      <c r="D438" s="37"/>
    </row>
    <row r="439" spans="4:4" ht="13.5" hidden="1" customHeight="1" x14ac:dyDescent="0.25">
      <c r="D439" s="37"/>
    </row>
    <row r="440" spans="4:4" ht="13.5" hidden="1" customHeight="1" x14ac:dyDescent="0.25">
      <c r="D440" s="37"/>
    </row>
    <row r="441" spans="4:4" ht="13.5" hidden="1" customHeight="1" x14ac:dyDescent="0.25">
      <c r="D441" s="37"/>
    </row>
    <row r="442" spans="4:4" ht="13.5" hidden="1" customHeight="1" x14ac:dyDescent="0.25">
      <c r="D442" s="37"/>
    </row>
    <row r="443" spans="4:4" ht="13.5" hidden="1" customHeight="1" x14ac:dyDescent="0.25">
      <c r="D443" s="37"/>
    </row>
    <row r="444" spans="4:4" ht="13.5" hidden="1" customHeight="1" x14ac:dyDescent="0.25">
      <c r="D444" s="37"/>
    </row>
    <row r="445" spans="4:4" ht="13.5" hidden="1" customHeight="1" x14ac:dyDescent="0.25">
      <c r="D445" s="37"/>
    </row>
    <row r="446" spans="4:4" ht="13.5" hidden="1" customHeight="1" x14ac:dyDescent="0.25">
      <c r="D446" s="37"/>
    </row>
    <row r="447" spans="4:4" ht="13.5" hidden="1" customHeight="1" x14ac:dyDescent="0.25">
      <c r="D447" s="37"/>
    </row>
    <row r="448" spans="4:4" ht="13.5" hidden="1" customHeight="1" x14ac:dyDescent="0.25">
      <c r="D448" s="37"/>
    </row>
    <row r="449" spans="4:4" ht="13.5" hidden="1" customHeight="1" x14ac:dyDescent="0.25">
      <c r="D449" s="37"/>
    </row>
    <row r="450" spans="4:4" ht="13.5" hidden="1" customHeight="1" x14ac:dyDescent="0.25">
      <c r="D450" s="37"/>
    </row>
    <row r="451" spans="4:4" ht="13.5" hidden="1" customHeight="1" x14ac:dyDescent="0.25">
      <c r="D451" s="37"/>
    </row>
    <row r="452" spans="4:4" ht="13.5" hidden="1" customHeight="1" x14ac:dyDescent="0.25">
      <c r="D452" s="37"/>
    </row>
    <row r="453" spans="4:4" ht="13.5" hidden="1" customHeight="1" x14ac:dyDescent="0.25">
      <c r="D453" s="37"/>
    </row>
    <row r="454" spans="4:4" ht="13.5" hidden="1" customHeight="1" x14ac:dyDescent="0.25">
      <c r="D454" s="37"/>
    </row>
    <row r="455" spans="4:4" ht="13.5" hidden="1" customHeight="1" x14ac:dyDescent="0.25">
      <c r="D455" s="37"/>
    </row>
    <row r="456" spans="4:4" ht="13.5" hidden="1" customHeight="1" x14ac:dyDescent="0.25">
      <c r="D456" s="37"/>
    </row>
    <row r="457" spans="4:4" ht="13.5" hidden="1" customHeight="1" x14ac:dyDescent="0.25">
      <c r="D457" s="37"/>
    </row>
    <row r="458" spans="4:4" ht="13.5" hidden="1" customHeight="1" x14ac:dyDescent="0.25">
      <c r="D458" s="37"/>
    </row>
    <row r="459" spans="4:4" ht="13.5" hidden="1" customHeight="1" x14ac:dyDescent="0.25">
      <c r="D459" s="37"/>
    </row>
    <row r="460" spans="4:4" ht="13.5" hidden="1" customHeight="1" x14ac:dyDescent="0.25">
      <c r="D460" s="37"/>
    </row>
    <row r="461" spans="4:4" ht="13.5" hidden="1" customHeight="1" x14ac:dyDescent="0.25">
      <c r="D461" s="37"/>
    </row>
    <row r="462" spans="4:4" ht="13.5" hidden="1" customHeight="1" x14ac:dyDescent="0.25">
      <c r="D462" s="37"/>
    </row>
    <row r="463" spans="4:4" ht="13.5" hidden="1" customHeight="1" x14ac:dyDescent="0.25">
      <c r="D463" s="37"/>
    </row>
    <row r="464" spans="4:4" ht="13.5" hidden="1" customHeight="1" x14ac:dyDescent="0.25">
      <c r="D464" s="37"/>
    </row>
    <row r="465" spans="4:4" ht="13.5" hidden="1" customHeight="1" x14ac:dyDescent="0.25">
      <c r="D465" s="37"/>
    </row>
    <row r="466" spans="4:4" ht="13.5" hidden="1" customHeight="1" x14ac:dyDescent="0.25">
      <c r="D466" s="37"/>
    </row>
    <row r="467" spans="4:4" ht="13.5" hidden="1" customHeight="1" x14ac:dyDescent="0.25">
      <c r="D467" s="37"/>
    </row>
    <row r="468" spans="4:4" ht="13.5" hidden="1" customHeight="1" x14ac:dyDescent="0.25">
      <c r="D468" s="37"/>
    </row>
    <row r="469" spans="4:4" ht="13.5" hidden="1" customHeight="1" x14ac:dyDescent="0.25">
      <c r="D469" s="37"/>
    </row>
    <row r="470" spans="4:4" ht="13.5" hidden="1" customHeight="1" x14ac:dyDescent="0.25">
      <c r="D470" s="37"/>
    </row>
    <row r="471" spans="4:4" ht="13.5" hidden="1" customHeight="1" x14ac:dyDescent="0.25">
      <c r="D471" s="37"/>
    </row>
    <row r="472" spans="4:4" ht="13.5" hidden="1" customHeight="1" x14ac:dyDescent="0.25">
      <c r="D472" s="37"/>
    </row>
    <row r="473" spans="4:4" ht="13.5" hidden="1" customHeight="1" x14ac:dyDescent="0.25">
      <c r="D473" s="37"/>
    </row>
    <row r="474" spans="4:4" ht="13.5" hidden="1" customHeight="1" x14ac:dyDescent="0.25">
      <c r="D474" s="37"/>
    </row>
    <row r="475" spans="4:4" ht="13.5" hidden="1" customHeight="1" x14ac:dyDescent="0.25">
      <c r="D475" s="37"/>
    </row>
    <row r="476" spans="4:4" ht="13.5" hidden="1" customHeight="1" x14ac:dyDescent="0.25">
      <c r="D476" s="37"/>
    </row>
    <row r="477" spans="4:4" ht="13.5" hidden="1" customHeight="1" x14ac:dyDescent="0.25">
      <c r="D477" s="37"/>
    </row>
    <row r="478" spans="4:4" ht="13.5" hidden="1" customHeight="1" x14ac:dyDescent="0.25">
      <c r="D478" s="37"/>
    </row>
    <row r="479" spans="4:4" ht="13.5" hidden="1" customHeight="1" x14ac:dyDescent="0.25">
      <c r="D479" s="37"/>
    </row>
    <row r="480" spans="4:4" ht="13.5" hidden="1" customHeight="1" x14ac:dyDescent="0.25">
      <c r="D480" s="37"/>
    </row>
    <row r="481" spans="4:4" ht="13.5" hidden="1" customHeight="1" x14ac:dyDescent="0.25">
      <c r="D481" s="37"/>
    </row>
    <row r="482" spans="4:4" ht="13.5" hidden="1" customHeight="1" x14ac:dyDescent="0.25">
      <c r="D482" s="37"/>
    </row>
    <row r="483" spans="4:4" ht="13.5" hidden="1" customHeight="1" x14ac:dyDescent="0.25">
      <c r="D483" s="37"/>
    </row>
    <row r="484" spans="4:4" ht="13.5" hidden="1" customHeight="1" x14ac:dyDescent="0.25">
      <c r="D484" s="37"/>
    </row>
    <row r="485" spans="4:4" ht="13.5" hidden="1" customHeight="1" x14ac:dyDescent="0.25">
      <c r="D485" s="37"/>
    </row>
    <row r="486" spans="4:4" ht="13.5" hidden="1" customHeight="1" x14ac:dyDescent="0.25">
      <c r="D486" s="37"/>
    </row>
    <row r="487" spans="4:4" ht="13.5" hidden="1" customHeight="1" x14ac:dyDescent="0.25">
      <c r="D487" s="37"/>
    </row>
    <row r="488" spans="4:4" ht="13.5" hidden="1" customHeight="1" x14ac:dyDescent="0.25">
      <c r="D488" s="37"/>
    </row>
    <row r="489" spans="4:4" ht="13.5" hidden="1" customHeight="1" x14ac:dyDescent="0.25">
      <c r="D489" s="37"/>
    </row>
    <row r="490" spans="4:4" ht="13.5" hidden="1" customHeight="1" x14ac:dyDescent="0.25">
      <c r="D490" s="37"/>
    </row>
    <row r="491" spans="4:4" ht="13.5" hidden="1" customHeight="1" x14ac:dyDescent="0.25">
      <c r="D491" s="37"/>
    </row>
    <row r="492" spans="4:4" ht="13.5" hidden="1" customHeight="1" x14ac:dyDescent="0.25">
      <c r="D492" s="37"/>
    </row>
    <row r="493" spans="4:4" ht="13.5" hidden="1" customHeight="1" x14ac:dyDescent="0.25">
      <c r="D493" s="37"/>
    </row>
    <row r="494" spans="4:4" ht="13.5" hidden="1" customHeight="1" x14ac:dyDescent="0.25">
      <c r="D494" s="37"/>
    </row>
    <row r="495" spans="4:4" ht="13.5" hidden="1" customHeight="1" x14ac:dyDescent="0.25">
      <c r="D495" s="37"/>
    </row>
    <row r="496" spans="4:4" ht="13.5" hidden="1" customHeight="1" x14ac:dyDescent="0.25">
      <c r="D496" s="37"/>
    </row>
    <row r="497" spans="4:4" ht="13.5" hidden="1" customHeight="1" x14ac:dyDescent="0.25">
      <c r="D497" s="37"/>
    </row>
    <row r="498" spans="4:4" ht="13.5" hidden="1" customHeight="1" x14ac:dyDescent="0.25">
      <c r="D498" s="37"/>
    </row>
    <row r="499" spans="4:4" ht="13.5" hidden="1" customHeight="1" x14ac:dyDescent="0.25">
      <c r="D499" s="37"/>
    </row>
    <row r="500" spans="4:4" ht="13.5" hidden="1" customHeight="1" x14ac:dyDescent="0.25">
      <c r="D500" s="37"/>
    </row>
    <row r="501" spans="4:4" ht="13.5" hidden="1" customHeight="1" x14ac:dyDescent="0.25">
      <c r="D501" s="37"/>
    </row>
    <row r="502" spans="4:4" ht="13.5" hidden="1" customHeight="1" x14ac:dyDescent="0.25">
      <c r="D502" s="37"/>
    </row>
    <row r="503" spans="4:4" ht="13.5" hidden="1" customHeight="1" x14ac:dyDescent="0.25">
      <c r="D503" s="37"/>
    </row>
    <row r="504" spans="4:4" ht="13.5" hidden="1" customHeight="1" x14ac:dyDescent="0.25">
      <c r="D504" s="37"/>
    </row>
    <row r="505" spans="4:4" ht="13.5" hidden="1" customHeight="1" x14ac:dyDescent="0.25">
      <c r="D505" s="37"/>
    </row>
    <row r="506" spans="4:4" ht="13.5" hidden="1" customHeight="1" x14ac:dyDescent="0.25">
      <c r="D506" s="37"/>
    </row>
    <row r="507" spans="4:4" ht="13.5" hidden="1" customHeight="1" x14ac:dyDescent="0.25">
      <c r="D507" s="37"/>
    </row>
    <row r="508" spans="4:4" ht="13.5" hidden="1" customHeight="1" x14ac:dyDescent="0.25">
      <c r="D508" s="37"/>
    </row>
    <row r="509" spans="4:4" ht="13.5" hidden="1" customHeight="1" x14ac:dyDescent="0.25">
      <c r="D509" s="37"/>
    </row>
    <row r="510" spans="4:4" ht="13.5" hidden="1" customHeight="1" x14ac:dyDescent="0.25">
      <c r="D510" s="37"/>
    </row>
    <row r="511" spans="4:4" ht="13.5" hidden="1" customHeight="1" x14ac:dyDescent="0.25">
      <c r="D511" s="37"/>
    </row>
    <row r="512" spans="4:4" ht="13.5" hidden="1" customHeight="1" x14ac:dyDescent="0.25">
      <c r="D512" s="37"/>
    </row>
    <row r="513" spans="4:4" ht="13.5" hidden="1" customHeight="1" x14ac:dyDescent="0.25">
      <c r="D513" s="37"/>
    </row>
    <row r="514" spans="4:4" ht="13.5" hidden="1" customHeight="1" x14ac:dyDescent="0.25">
      <c r="D514" s="37"/>
    </row>
    <row r="515" spans="4:4" ht="13.5" hidden="1" customHeight="1" x14ac:dyDescent="0.25">
      <c r="D515" s="37"/>
    </row>
    <row r="516" spans="4:4" ht="13.5" hidden="1" customHeight="1" x14ac:dyDescent="0.25">
      <c r="D516" s="37"/>
    </row>
    <row r="517" spans="4:4" ht="13.5" hidden="1" customHeight="1" x14ac:dyDescent="0.25">
      <c r="D517" s="37"/>
    </row>
    <row r="518" spans="4:4" ht="13.5" hidden="1" customHeight="1" x14ac:dyDescent="0.25">
      <c r="D518" s="37"/>
    </row>
    <row r="519" spans="4:4" ht="13.5" hidden="1" customHeight="1" x14ac:dyDescent="0.25">
      <c r="D519" s="37"/>
    </row>
    <row r="520" spans="4:4" ht="13.5" hidden="1" customHeight="1" x14ac:dyDescent="0.25">
      <c r="D520" s="37"/>
    </row>
    <row r="521" spans="4:4" ht="13.5" hidden="1" customHeight="1" x14ac:dyDescent="0.25">
      <c r="D521" s="37"/>
    </row>
    <row r="522" spans="4:4" ht="13.5" hidden="1" customHeight="1" x14ac:dyDescent="0.25">
      <c r="D522" s="37"/>
    </row>
    <row r="523" spans="4:4" ht="13.5" hidden="1" customHeight="1" x14ac:dyDescent="0.25">
      <c r="D523" s="37"/>
    </row>
    <row r="524" spans="4:4" ht="13.5" hidden="1" customHeight="1" x14ac:dyDescent="0.25">
      <c r="D524" s="37"/>
    </row>
    <row r="525" spans="4:4" ht="13.5" hidden="1" customHeight="1" x14ac:dyDescent="0.25">
      <c r="D525" s="37"/>
    </row>
    <row r="526" spans="4:4" ht="13.5" hidden="1" customHeight="1" x14ac:dyDescent="0.25">
      <c r="D526" s="37"/>
    </row>
    <row r="527" spans="4:4" ht="13.5" hidden="1" customHeight="1" x14ac:dyDescent="0.25">
      <c r="D527" s="37"/>
    </row>
    <row r="528" spans="4:4" ht="13.5" hidden="1" customHeight="1" x14ac:dyDescent="0.25">
      <c r="D528" s="37"/>
    </row>
    <row r="529" spans="4:4" ht="13.5" hidden="1" customHeight="1" x14ac:dyDescent="0.25">
      <c r="D529" s="37"/>
    </row>
    <row r="530" spans="4:4" ht="13.5" hidden="1" customHeight="1" x14ac:dyDescent="0.25">
      <c r="D530" s="37"/>
    </row>
    <row r="531" spans="4:4" ht="13.5" hidden="1" customHeight="1" x14ac:dyDescent="0.25">
      <c r="D531" s="37"/>
    </row>
    <row r="532" spans="4:4" ht="13.5" hidden="1" customHeight="1" x14ac:dyDescent="0.25">
      <c r="D532" s="37"/>
    </row>
    <row r="533" spans="4:4" ht="13.5" hidden="1" customHeight="1" x14ac:dyDescent="0.25">
      <c r="D533" s="37"/>
    </row>
    <row r="534" spans="4:4" ht="13.5" hidden="1" customHeight="1" x14ac:dyDescent="0.25">
      <c r="D534" s="37"/>
    </row>
    <row r="535" spans="4:4" ht="13.5" hidden="1" customHeight="1" x14ac:dyDescent="0.25">
      <c r="D535" s="37"/>
    </row>
    <row r="536" spans="4:4" ht="13.5" hidden="1" customHeight="1" x14ac:dyDescent="0.25">
      <c r="D536" s="37"/>
    </row>
    <row r="537" spans="4:4" ht="13.5" hidden="1" customHeight="1" x14ac:dyDescent="0.25">
      <c r="D537" s="37"/>
    </row>
    <row r="538" spans="4:4" ht="13.5" hidden="1" customHeight="1" x14ac:dyDescent="0.25">
      <c r="D538" s="37"/>
    </row>
    <row r="539" spans="4:4" ht="13.5" hidden="1" customHeight="1" x14ac:dyDescent="0.25">
      <c r="D539" s="37"/>
    </row>
    <row r="540" spans="4:4" ht="13.5" hidden="1" customHeight="1" x14ac:dyDescent="0.25">
      <c r="D540" s="37"/>
    </row>
    <row r="541" spans="4:4" ht="13.5" hidden="1" customHeight="1" x14ac:dyDescent="0.25">
      <c r="D541" s="37"/>
    </row>
    <row r="542" spans="4:4" ht="13.5" hidden="1" customHeight="1" x14ac:dyDescent="0.25">
      <c r="D542" s="37"/>
    </row>
    <row r="543" spans="4:4" ht="13.5" hidden="1" customHeight="1" x14ac:dyDescent="0.25">
      <c r="D543" s="37"/>
    </row>
    <row r="544" spans="4:4" ht="13.5" hidden="1" customHeight="1" x14ac:dyDescent="0.25">
      <c r="D544" s="37"/>
    </row>
    <row r="545" spans="4:4" ht="13.5" hidden="1" customHeight="1" x14ac:dyDescent="0.25">
      <c r="D545" s="37"/>
    </row>
    <row r="546" spans="4:4" ht="13.5" hidden="1" customHeight="1" x14ac:dyDescent="0.25">
      <c r="D546" s="37"/>
    </row>
    <row r="547" spans="4:4" ht="13.5" hidden="1" customHeight="1" x14ac:dyDescent="0.25">
      <c r="D547" s="37"/>
    </row>
    <row r="548" spans="4:4" ht="13.5" hidden="1" customHeight="1" x14ac:dyDescent="0.25">
      <c r="D548" s="37"/>
    </row>
    <row r="549" spans="4:4" ht="13.5" hidden="1" customHeight="1" x14ac:dyDescent="0.25">
      <c r="D549" s="37"/>
    </row>
    <row r="550" spans="4:4" ht="13.5" hidden="1" customHeight="1" x14ac:dyDescent="0.25">
      <c r="D550" s="37"/>
    </row>
    <row r="551" spans="4:4" ht="13.5" hidden="1" customHeight="1" x14ac:dyDescent="0.25">
      <c r="D551" s="37"/>
    </row>
    <row r="552" spans="4:4" ht="13.5" hidden="1" customHeight="1" x14ac:dyDescent="0.25">
      <c r="D552" s="37"/>
    </row>
    <row r="553" spans="4:4" ht="13.5" hidden="1" customHeight="1" x14ac:dyDescent="0.25">
      <c r="D553" s="37"/>
    </row>
    <row r="554" spans="4:4" ht="13.5" hidden="1" customHeight="1" x14ac:dyDescent="0.25">
      <c r="D554" s="37"/>
    </row>
    <row r="555" spans="4:4" ht="13.5" hidden="1" customHeight="1" x14ac:dyDescent="0.25">
      <c r="D555" s="37"/>
    </row>
    <row r="556" spans="4:4" ht="13.5" hidden="1" customHeight="1" x14ac:dyDescent="0.25">
      <c r="D556" s="37"/>
    </row>
    <row r="557" spans="4:4" ht="13.5" hidden="1" customHeight="1" x14ac:dyDescent="0.25">
      <c r="D557" s="37"/>
    </row>
    <row r="558" spans="4:4" ht="13.5" hidden="1" customHeight="1" x14ac:dyDescent="0.25">
      <c r="D558" s="37"/>
    </row>
    <row r="559" spans="4:4" ht="13.5" hidden="1" customHeight="1" x14ac:dyDescent="0.25">
      <c r="D559" s="37"/>
    </row>
    <row r="560" spans="4:4" ht="13.5" hidden="1" customHeight="1" x14ac:dyDescent="0.25">
      <c r="D560" s="37"/>
    </row>
    <row r="561" spans="4:4" ht="13.5" hidden="1" customHeight="1" x14ac:dyDescent="0.25">
      <c r="D561" s="37"/>
    </row>
    <row r="562" spans="4:4" ht="13.5" hidden="1" customHeight="1" x14ac:dyDescent="0.25">
      <c r="D562" s="37"/>
    </row>
    <row r="563" spans="4:4" ht="13.5" hidden="1" customHeight="1" x14ac:dyDescent="0.25">
      <c r="D563" s="37"/>
    </row>
    <row r="564" spans="4:4" ht="13.5" hidden="1" customHeight="1" x14ac:dyDescent="0.25">
      <c r="D564" s="37"/>
    </row>
    <row r="565" spans="4:4" ht="13.5" hidden="1" customHeight="1" x14ac:dyDescent="0.25">
      <c r="D565" s="37"/>
    </row>
    <row r="566" spans="4:4" ht="13.5" hidden="1" customHeight="1" x14ac:dyDescent="0.25">
      <c r="D566" s="37"/>
    </row>
    <row r="567" spans="4:4" ht="13.5" hidden="1" customHeight="1" x14ac:dyDescent="0.25">
      <c r="D567" s="37"/>
    </row>
    <row r="568" spans="4:4" ht="13.5" hidden="1" customHeight="1" x14ac:dyDescent="0.25">
      <c r="D568" s="37"/>
    </row>
    <row r="569" spans="4:4" ht="13.5" hidden="1" customHeight="1" x14ac:dyDescent="0.25">
      <c r="D569" s="37"/>
    </row>
    <row r="570" spans="4:4" ht="13.5" hidden="1" customHeight="1" x14ac:dyDescent="0.25">
      <c r="D570" s="37"/>
    </row>
    <row r="571" spans="4:4" ht="13.5" hidden="1" customHeight="1" x14ac:dyDescent="0.25">
      <c r="D571" s="37"/>
    </row>
    <row r="572" spans="4:4" ht="13.5" hidden="1" customHeight="1" x14ac:dyDescent="0.25">
      <c r="D572" s="37"/>
    </row>
    <row r="573" spans="4:4" ht="13.5" hidden="1" customHeight="1" x14ac:dyDescent="0.25">
      <c r="D573" s="37"/>
    </row>
    <row r="574" spans="4:4" ht="13.5" hidden="1" customHeight="1" x14ac:dyDescent="0.25">
      <c r="D574" s="37"/>
    </row>
    <row r="575" spans="4:4" ht="13.5" hidden="1" customHeight="1" x14ac:dyDescent="0.25">
      <c r="D575" s="37"/>
    </row>
    <row r="576" spans="4:4" ht="13.5" hidden="1" customHeight="1" x14ac:dyDescent="0.25">
      <c r="D576" s="37"/>
    </row>
    <row r="577" spans="4:4" ht="13.5" hidden="1" customHeight="1" x14ac:dyDescent="0.25">
      <c r="D577" s="37"/>
    </row>
    <row r="578" spans="4:4" ht="13.5" hidden="1" customHeight="1" x14ac:dyDescent="0.25">
      <c r="D578" s="37"/>
    </row>
    <row r="579" spans="4:4" ht="13.5" hidden="1" customHeight="1" x14ac:dyDescent="0.25">
      <c r="D579" s="37"/>
    </row>
    <row r="580" spans="4:4" ht="13.5" hidden="1" customHeight="1" x14ac:dyDescent="0.25">
      <c r="D580" s="37"/>
    </row>
    <row r="581" spans="4:4" ht="13.5" hidden="1" customHeight="1" x14ac:dyDescent="0.25">
      <c r="D581" s="37"/>
    </row>
    <row r="582" spans="4:4" ht="13.5" hidden="1" customHeight="1" x14ac:dyDescent="0.25">
      <c r="D582" s="37"/>
    </row>
    <row r="583" spans="4:4" ht="13.5" hidden="1" customHeight="1" x14ac:dyDescent="0.25">
      <c r="D583" s="37"/>
    </row>
    <row r="584" spans="4:4" ht="13.5" hidden="1" customHeight="1" x14ac:dyDescent="0.25">
      <c r="D584" s="37"/>
    </row>
    <row r="585" spans="4:4" ht="13.5" hidden="1" customHeight="1" x14ac:dyDescent="0.25">
      <c r="D585" s="37"/>
    </row>
    <row r="586" spans="4:4" ht="13.5" hidden="1" customHeight="1" x14ac:dyDescent="0.25">
      <c r="D586" s="37"/>
    </row>
    <row r="587" spans="4:4" ht="13.5" hidden="1" customHeight="1" x14ac:dyDescent="0.25">
      <c r="D587" s="37"/>
    </row>
    <row r="588" spans="4:4" ht="13.5" hidden="1" customHeight="1" x14ac:dyDescent="0.25">
      <c r="D588" s="37"/>
    </row>
    <row r="589" spans="4:4" ht="13.5" hidden="1" customHeight="1" x14ac:dyDescent="0.25">
      <c r="D589" s="37"/>
    </row>
    <row r="590" spans="4:4" ht="13.5" hidden="1" customHeight="1" x14ac:dyDescent="0.25">
      <c r="D590" s="37"/>
    </row>
    <row r="591" spans="4:4" ht="13.5" hidden="1" customHeight="1" x14ac:dyDescent="0.25">
      <c r="D591" s="37"/>
    </row>
    <row r="592" spans="4:4" ht="13.5" hidden="1" customHeight="1" x14ac:dyDescent="0.25">
      <c r="D592" s="37"/>
    </row>
    <row r="593" spans="4:4" ht="13.5" hidden="1" customHeight="1" x14ac:dyDescent="0.25">
      <c r="D593" s="37"/>
    </row>
    <row r="594" spans="4:4" ht="13.5" hidden="1" customHeight="1" x14ac:dyDescent="0.25">
      <c r="D594" s="37"/>
    </row>
    <row r="595" spans="4:4" ht="13.5" hidden="1" customHeight="1" x14ac:dyDescent="0.25">
      <c r="D595" s="37"/>
    </row>
    <row r="596" spans="4:4" ht="13.5" hidden="1" customHeight="1" x14ac:dyDescent="0.25">
      <c r="D596" s="37"/>
    </row>
    <row r="597" spans="4:4" ht="13.5" hidden="1" customHeight="1" x14ac:dyDescent="0.25">
      <c r="D597" s="37"/>
    </row>
    <row r="598" spans="4:4" ht="13.5" hidden="1" customHeight="1" x14ac:dyDescent="0.25">
      <c r="D598" s="37"/>
    </row>
    <row r="599" spans="4:4" ht="13.5" hidden="1" customHeight="1" x14ac:dyDescent="0.25">
      <c r="D599" s="37"/>
    </row>
    <row r="600" spans="4:4" ht="13.5" hidden="1" customHeight="1" x14ac:dyDescent="0.25">
      <c r="D600" s="37"/>
    </row>
    <row r="601" spans="4:4" ht="13.5" hidden="1" customHeight="1" x14ac:dyDescent="0.25">
      <c r="D601" s="37"/>
    </row>
    <row r="602" spans="4:4" ht="13.5" hidden="1" customHeight="1" x14ac:dyDescent="0.25">
      <c r="D602" s="37"/>
    </row>
    <row r="603" spans="4:4" ht="13.5" hidden="1" customHeight="1" x14ac:dyDescent="0.25">
      <c r="D603" s="37"/>
    </row>
    <row r="604" spans="4:4" ht="13.5" hidden="1" customHeight="1" x14ac:dyDescent="0.25">
      <c r="D604" s="37"/>
    </row>
    <row r="605" spans="4:4" ht="13.5" hidden="1" customHeight="1" x14ac:dyDescent="0.25">
      <c r="D605" s="37"/>
    </row>
    <row r="606" spans="4:4" ht="13.5" hidden="1" customHeight="1" x14ac:dyDescent="0.25">
      <c r="D606" s="37"/>
    </row>
    <row r="607" spans="4:4" ht="13.5" hidden="1" customHeight="1" x14ac:dyDescent="0.25">
      <c r="D607" s="37"/>
    </row>
    <row r="608" spans="4:4" ht="13.5" hidden="1" customHeight="1" x14ac:dyDescent="0.25">
      <c r="D608" s="37"/>
    </row>
    <row r="609" spans="4:4" ht="13.5" hidden="1" customHeight="1" x14ac:dyDescent="0.25">
      <c r="D609" s="37"/>
    </row>
    <row r="610" spans="4:4" ht="13.5" hidden="1" customHeight="1" x14ac:dyDescent="0.25">
      <c r="D610" s="37"/>
    </row>
    <row r="611" spans="4:4" ht="13.5" hidden="1" customHeight="1" x14ac:dyDescent="0.25">
      <c r="D611" s="37"/>
    </row>
    <row r="612" spans="4:4" ht="13.5" hidden="1" customHeight="1" x14ac:dyDescent="0.25">
      <c r="D612" s="37"/>
    </row>
    <row r="613" spans="4:4" ht="13.5" hidden="1" customHeight="1" x14ac:dyDescent="0.25">
      <c r="D613" s="37"/>
    </row>
    <row r="614" spans="4:4" ht="13.5" hidden="1" customHeight="1" x14ac:dyDescent="0.25">
      <c r="D614" s="37"/>
    </row>
    <row r="615" spans="4:4" ht="13.5" hidden="1" customHeight="1" x14ac:dyDescent="0.25">
      <c r="D615" s="37"/>
    </row>
    <row r="616" spans="4:4" ht="13.5" hidden="1" customHeight="1" x14ac:dyDescent="0.25">
      <c r="D616" s="37"/>
    </row>
    <row r="617" spans="4:4" ht="13.5" hidden="1" customHeight="1" x14ac:dyDescent="0.25">
      <c r="D617" s="37"/>
    </row>
    <row r="618" spans="4:4" ht="13.5" hidden="1" customHeight="1" x14ac:dyDescent="0.25">
      <c r="D618" s="37"/>
    </row>
    <row r="619" spans="4:4" ht="13.5" hidden="1" customHeight="1" x14ac:dyDescent="0.25">
      <c r="D619" s="37"/>
    </row>
    <row r="620" spans="4:4" ht="13.5" hidden="1" customHeight="1" x14ac:dyDescent="0.25">
      <c r="D620" s="37"/>
    </row>
    <row r="621" spans="4:4" ht="13.5" hidden="1" customHeight="1" x14ac:dyDescent="0.25">
      <c r="D621" s="37"/>
    </row>
    <row r="622" spans="4:4" ht="13.5" hidden="1" customHeight="1" x14ac:dyDescent="0.25">
      <c r="D622" s="37"/>
    </row>
    <row r="623" spans="4:4" ht="13.5" hidden="1" customHeight="1" x14ac:dyDescent="0.25">
      <c r="D623" s="37"/>
    </row>
    <row r="624" spans="4:4" ht="13.5" hidden="1" customHeight="1" x14ac:dyDescent="0.25">
      <c r="D624" s="37"/>
    </row>
    <row r="625" spans="4:4" ht="13.5" hidden="1" customHeight="1" x14ac:dyDescent="0.25">
      <c r="D625" s="37"/>
    </row>
    <row r="626" spans="4:4" ht="13.5" hidden="1" customHeight="1" x14ac:dyDescent="0.25">
      <c r="D626" s="37"/>
    </row>
    <row r="627" spans="4:4" ht="13.5" hidden="1" customHeight="1" x14ac:dyDescent="0.25">
      <c r="D627" s="37"/>
    </row>
    <row r="628" spans="4:4" ht="13.5" hidden="1" customHeight="1" x14ac:dyDescent="0.25">
      <c r="D628" s="37"/>
    </row>
    <row r="629" spans="4:4" ht="13.5" hidden="1" customHeight="1" x14ac:dyDescent="0.25">
      <c r="D629" s="37"/>
    </row>
    <row r="630" spans="4:4" ht="13.5" hidden="1" customHeight="1" x14ac:dyDescent="0.25">
      <c r="D630" s="37"/>
    </row>
    <row r="631" spans="4:4" ht="13.5" hidden="1" customHeight="1" x14ac:dyDescent="0.25">
      <c r="D631" s="37"/>
    </row>
    <row r="632" spans="4:4" ht="13.5" hidden="1" customHeight="1" x14ac:dyDescent="0.25">
      <c r="D632" s="37"/>
    </row>
    <row r="633" spans="4:4" ht="13.5" hidden="1" customHeight="1" x14ac:dyDescent="0.25">
      <c r="D633" s="37"/>
    </row>
    <row r="634" spans="4:4" ht="13.5" hidden="1" customHeight="1" x14ac:dyDescent="0.25">
      <c r="D634" s="37"/>
    </row>
    <row r="635" spans="4:4" ht="13.5" hidden="1" customHeight="1" x14ac:dyDescent="0.25">
      <c r="D635" s="37"/>
    </row>
    <row r="636" spans="4:4" ht="13.5" hidden="1" customHeight="1" x14ac:dyDescent="0.25">
      <c r="D636" s="37"/>
    </row>
    <row r="637" spans="4:4" ht="13.5" hidden="1" customHeight="1" x14ac:dyDescent="0.25">
      <c r="D637" s="37"/>
    </row>
    <row r="638" spans="4:4" ht="13.5" hidden="1" customHeight="1" x14ac:dyDescent="0.25">
      <c r="D638" s="37"/>
    </row>
    <row r="639" spans="4:4" ht="13.5" hidden="1" customHeight="1" x14ac:dyDescent="0.25">
      <c r="D639" s="37"/>
    </row>
    <row r="640" spans="4:4" ht="13.5" hidden="1" customHeight="1" x14ac:dyDescent="0.25">
      <c r="D640" s="37"/>
    </row>
    <row r="641" spans="4:4" ht="13.5" hidden="1" customHeight="1" x14ac:dyDescent="0.25">
      <c r="D641" s="37"/>
    </row>
    <row r="642" spans="4:4" ht="13.5" hidden="1" customHeight="1" x14ac:dyDescent="0.25">
      <c r="D642" s="37"/>
    </row>
    <row r="643" spans="4:4" ht="13.5" hidden="1" customHeight="1" x14ac:dyDescent="0.25">
      <c r="D643" s="37"/>
    </row>
    <row r="644" spans="4:4" ht="13.5" hidden="1" customHeight="1" x14ac:dyDescent="0.25">
      <c r="D644" s="37"/>
    </row>
    <row r="645" spans="4:4" ht="13.5" hidden="1" customHeight="1" x14ac:dyDescent="0.25">
      <c r="D645" s="37"/>
    </row>
    <row r="646" spans="4:4" ht="13.5" hidden="1" customHeight="1" x14ac:dyDescent="0.25">
      <c r="D646" s="37"/>
    </row>
    <row r="647" spans="4:4" ht="13.5" hidden="1" customHeight="1" x14ac:dyDescent="0.25">
      <c r="D647" s="37"/>
    </row>
    <row r="648" spans="4:4" ht="13.5" hidden="1" customHeight="1" x14ac:dyDescent="0.25">
      <c r="D648" s="37"/>
    </row>
    <row r="649" spans="4:4" ht="13.5" hidden="1" customHeight="1" x14ac:dyDescent="0.25">
      <c r="D649" s="37"/>
    </row>
    <row r="650" spans="4:4" ht="13.5" hidden="1" customHeight="1" x14ac:dyDescent="0.25">
      <c r="D650" s="37"/>
    </row>
    <row r="651" spans="4:4" ht="13.5" hidden="1" customHeight="1" x14ac:dyDescent="0.25">
      <c r="D651" s="37"/>
    </row>
    <row r="652" spans="4:4" ht="13.5" hidden="1" customHeight="1" x14ac:dyDescent="0.25">
      <c r="D652" s="37"/>
    </row>
    <row r="653" spans="4:4" ht="13.5" hidden="1" customHeight="1" x14ac:dyDescent="0.25">
      <c r="D653" s="37"/>
    </row>
    <row r="654" spans="4:4" ht="13.5" hidden="1" customHeight="1" x14ac:dyDescent="0.25">
      <c r="D654" s="37"/>
    </row>
    <row r="655" spans="4:4" ht="13.5" hidden="1" customHeight="1" x14ac:dyDescent="0.25">
      <c r="D655" s="37"/>
    </row>
    <row r="656" spans="4:4" ht="13.5" hidden="1" customHeight="1" x14ac:dyDescent="0.25">
      <c r="D656" s="37"/>
    </row>
    <row r="657" spans="4:4" ht="13.5" hidden="1" customHeight="1" x14ac:dyDescent="0.25">
      <c r="D657" s="37"/>
    </row>
    <row r="658" spans="4:4" ht="13.5" hidden="1" customHeight="1" x14ac:dyDescent="0.25">
      <c r="D658" s="37"/>
    </row>
    <row r="659" spans="4:4" ht="13.5" hidden="1" customHeight="1" x14ac:dyDescent="0.25">
      <c r="D659" s="37"/>
    </row>
    <row r="660" spans="4:4" ht="13.5" hidden="1" customHeight="1" x14ac:dyDescent="0.25">
      <c r="D660" s="37"/>
    </row>
    <row r="661" spans="4:4" ht="13.5" hidden="1" customHeight="1" x14ac:dyDescent="0.25">
      <c r="D661" s="37"/>
    </row>
    <row r="662" spans="4:4" ht="13.5" hidden="1" customHeight="1" x14ac:dyDescent="0.25">
      <c r="D662" s="37"/>
    </row>
    <row r="663" spans="4:4" ht="13.5" hidden="1" customHeight="1" x14ac:dyDescent="0.25">
      <c r="D663" s="37"/>
    </row>
    <row r="664" spans="4:4" ht="13.5" hidden="1" customHeight="1" x14ac:dyDescent="0.25">
      <c r="D664" s="37"/>
    </row>
    <row r="665" spans="4:4" ht="13.5" hidden="1" customHeight="1" x14ac:dyDescent="0.25">
      <c r="D665" s="37"/>
    </row>
    <row r="666" spans="4:4" ht="13.5" hidden="1" customHeight="1" x14ac:dyDescent="0.25">
      <c r="D666" s="37"/>
    </row>
    <row r="667" spans="4:4" ht="13.5" hidden="1" customHeight="1" x14ac:dyDescent="0.25">
      <c r="D667" s="37"/>
    </row>
    <row r="668" spans="4:4" ht="13.5" hidden="1" customHeight="1" x14ac:dyDescent="0.25">
      <c r="D668" s="37"/>
    </row>
    <row r="669" spans="4:4" ht="13.5" hidden="1" customHeight="1" x14ac:dyDescent="0.25">
      <c r="D669" s="37"/>
    </row>
    <row r="670" spans="4:4" ht="13.5" hidden="1" customHeight="1" x14ac:dyDescent="0.25">
      <c r="D670" s="37"/>
    </row>
    <row r="671" spans="4:4" ht="13.5" hidden="1" customHeight="1" x14ac:dyDescent="0.25">
      <c r="D671" s="37"/>
    </row>
    <row r="672" spans="4:4" ht="13.5" hidden="1" customHeight="1" x14ac:dyDescent="0.25">
      <c r="D672" s="37"/>
    </row>
    <row r="673" spans="4:4" ht="13.5" hidden="1" customHeight="1" x14ac:dyDescent="0.25">
      <c r="D673" s="37"/>
    </row>
    <row r="674" spans="4:4" ht="13.5" hidden="1" customHeight="1" x14ac:dyDescent="0.25">
      <c r="D674" s="37"/>
    </row>
    <row r="675" spans="4:4" ht="13.5" hidden="1" customHeight="1" x14ac:dyDescent="0.25">
      <c r="D675" s="37"/>
    </row>
    <row r="676" spans="4:4" ht="13.5" hidden="1" customHeight="1" x14ac:dyDescent="0.25">
      <c r="D676" s="37"/>
    </row>
    <row r="677" spans="4:4" ht="13.5" hidden="1" customHeight="1" x14ac:dyDescent="0.25">
      <c r="D677" s="37"/>
    </row>
    <row r="678" spans="4:4" ht="13.5" hidden="1" customHeight="1" x14ac:dyDescent="0.25">
      <c r="D678" s="37"/>
    </row>
    <row r="679" spans="4:4" ht="13.5" hidden="1" customHeight="1" x14ac:dyDescent="0.25">
      <c r="D679" s="37"/>
    </row>
    <row r="680" spans="4:4" ht="13.5" hidden="1" customHeight="1" x14ac:dyDescent="0.25">
      <c r="D680" s="37"/>
    </row>
    <row r="681" spans="4:4" ht="13.5" hidden="1" customHeight="1" x14ac:dyDescent="0.25">
      <c r="D681" s="37"/>
    </row>
    <row r="682" spans="4:4" ht="13.5" hidden="1" customHeight="1" x14ac:dyDescent="0.25">
      <c r="D682" s="37"/>
    </row>
    <row r="683" spans="4:4" ht="13.5" hidden="1" customHeight="1" x14ac:dyDescent="0.25">
      <c r="D683" s="37"/>
    </row>
    <row r="684" spans="4:4" ht="13.5" hidden="1" customHeight="1" x14ac:dyDescent="0.25">
      <c r="D684" s="37"/>
    </row>
    <row r="685" spans="4:4" ht="13.5" hidden="1" customHeight="1" x14ac:dyDescent="0.25">
      <c r="D685" s="37"/>
    </row>
    <row r="686" spans="4:4" ht="13.5" hidden="1" customHeight="1" x14ac:dyDescent="0.25">
      <c r="D686" s="37"/>
    </row>
    <row r="687" spans="4:4" ht="13.5" hidden="1" customHeight="1" x14ac:dyDescent="0.25">
      <c r="D687" s="37"/>
    </row>
    <row r="688" spans="4:4" ht="13.5" hidden="1" customHeight="1" x14ac:dyDescent="0.25">
      <c r="D688" s="37"/>
    </row>
    <row r="689" spans="4:4" ht="13.5" hidden="1" customHeight="1" x14ac:dyDescent="0.25">
      <c r="D689" s="37"/>
    </row>
    <row r="690" spans="4:4" ht="13.5" hidden="1" customHeight="1" x14ac:dyDescent="0.25">
      <c r="D690" s="37"/>
    </row>
    <row r="691" spans="4:4" ht="13.5" hidden="1" customHeight="1" x14ac:dyDescent="0.25">
      <c r="D691" s="37"/>
    </row>
    <row r="692" spans="4:4" ht="13.5" hidden="1" customHeight="1" x14ac:dyDescent="0.25">
      <c r="D692" s="37"/>
    </row>
    <row r="693" spans="4:4" ht="13.5" hidden="1" customHeight="1" x14ac:dyDescent="0.25">
      <c r="D693" s="37"/>
    </row>
    <row r="694" spans="4:4" ht="13.5" hidden="1" customHeight="1" x14ac:dyDescent="0.25">
      <c r="D694" s="37"/>
    </row>
    <row r="695" spans="4:4" ht="13.5" hidden="1" customHeight="1" x14ac:dyDescent="0.25">
      <c r="D695" s="37"/>
    </row>
    <row r="696" spans="4:4" ht="13.5" hidden="1" customHeight="1" x14ac:dyDescent="0.25">
      <c r="D696" s="37"/>
    </row>
    <row r="697" spans="4:4" ht="13.5" hidden="1" customHeight="1" x14ac:dyDescent="0.25">
      <c r="D697" s="37"/>
    </row>
    <row r="698" spans="4:4" ht="13.5" hidden="1" customHeight="1" x14ac:dyDescent="0.25">
      <c r="D698" s="37"/>
    </row>
    <row r="699" spans="4:4" ht="13.5" hidden="1" customHeight="1" x14ac:dyDescent="0.25">
      <c r="D699" s="37"/>
    </row>
    <row r="700" spans="4:4" ht="13.5" hidden="1" customHeight="1" x14ac:dyDescent="0.25">
      <c r="D700" s="37"/>
    </row>
    <row r="701" spans="4:4" ht="13.5" hidden="1" customHeight="1" x14ac:dyDescent="0.25">
      <c r="D701" s="37"/>
    </row>
    <row r="702" spans="4:4" ht="13.5" hidden="1" customHeight="1" x14ac:dyDescent="0.25">
      <c r="D702" s="37"/>
    </row>
    <row r="703" spans="4:4" ht="13.5" hidden="1" customHeight="1" x14ac:dyDescent="0.25">
      <c r="D703" s="37"/>
    </row>
    <row r="704" spans="4:4" ht="13.5" hidden="1" customHeight="1" x14ac:dyDescent="0.25">
      <c r="D704" s="37"/>
    </row>
    <row r="705" spans="4:4" ht="13.5" hidden="1" customHeight="1" x14ac:dyDescent="0.25">
      <c r="D705" s="37"/>
    </row>
    <row r="706" spans="4:4" ht="13.5" hidden="1" customHeight="1" x14ac:dyDescent="0.25">
      <c r="D706" s="37"/>
    </row>
    <row r="707" spans="4:4" ht="13.5" hidden="1" customHeight="1" x14ac:dyDescent="0.25">
      <c r="D707" s="37"/>
    </row>
    <row r="708" spans="4:4" ht="13.5" hidden="1" customHeight="1" x14ac:dyDescent="0.25">
      <c r="D708" s="37"/>
    </row>
    <row r="709" spans="4:4" ht="13.5" hidden="1" customHeight="1" x14ac:dyDescent="0.25">
      <c r="D709" s="37"/>
    </row>
    <row r="710" spans="4:4" ht="13.5" hidden="1" customHeight="1" x14ac:dyDescent="0.25">
      <c r="D710" s="37"/>
    </row>
    <row r="711" spans="4:4" ht="13.5" hidden="1" customHeight="1" x14ac:dyDescent="0.25">
      <c r="D711" s="37"/>
    </row>
    <row r="712" spans="4:4" ht="13.5" hidden="1" customHeight="1" x14ac:dyDescent="0.25">
      <c r="D712" s="37"/>
    </row>
    <row r="713" spans="4:4" ht="13.5" hidden="1" customHeight="1" x14ac:dyDescent="0.25">
      <c r="D713" s="37"/>
    </row>
    <row r="714" spans="4:4" ht="13.5" hidden="1" customHeight="1" x14ac:dyDescent="0.25">
      <c r="D714" s="37"/>
    </row>
    <row r="715" spans="4:4" ht="13.5" hidden="1" customHeight="1" x14ac:dyDescent="0.25">
      <c r="D715" s="37"/>
    </row>
    <row r="716" spans="4:4" ht="13.5" hidden="1" customHeight="1" x14ac:dyDescent="0.25">
      <c r="D716" s="37"/>
    </row>
    <row r="717" spans="4:4" ht="13.5" hidden="1" customHeight="1" x14ac:dyDescent="0.25">
      <c r="D717" s="37"/>
    </row>
    <row r="718" spans="4:4" ht="13.5" hidden="1" customHeight="1" x14ac:dyDescent="0.25">
      <c r="D718" s="37"/>
    </row>
    <row r="719" spans="4:4" ht="13.5" hidden="1" customHeight="1" x14ac:dyDescent="0.25">
      <c r="D719" s="37"/>
    </row>
    <row r="720" spans="4:4" ht="13.5" hidden="1" customHeight="1" x14ac:dyDescent="0.25">
      <c r="D720" s="37"/>
    </row>
    <row r="721" spans="4:4" ht="13.5" hidden="1" customHeight="1" x14ac:dyDescent="0.25">
      <c r="D721" s="37"/>
    </row>
    <row r="722" spans="4:4" ht="13.5" hidden="1" customHeight="1" x14ac:dyDescent="0.25">
      <c r="D722" s="37"/>
    </row>
    <row r="723" spans="4:4" ht="13.5" hidden="1" customHeight="1" x14ac:dyDescent="0.25">
      <c r="D723" s="37"/>
    </row>
    <row r="724" spans="4:4" ht="13.5" hidden="1" customHeight="1" x14ac:dyDescent="0.25">
      <c r="D724" s="37"/>
    </row>
    <row r="725" spans="4:4" ht="13.5" hidden="1" customHeight="1" x14ac:dyDescent="0.25">
      <c r="D725" s="37"/>
    </row>
    <row r="726" spans="4:4" ht="13.5" hidden="1" customHeight="1" x14ac:dyDescent="0.25">
      <c r="D726" s="37"/>
    </row>
    <row r="727" spans="4:4" ht="13.5" hidden="1" customHeight="1" x14ac:dyDescent="0.25">
      <c r="D727" s="37"/>
    </row>
    <row r="728" spans="4:4" ht="13.5" hidden="1" customHeight="1" x14ac:dyDescent="0.25">
      <c r="D728" s="37"/>
    </row>
    <row r="729" spans="4:4" ht="13.5" hidden="1" customHeight="1" x14ac:dyDescent="0.25">
      <c r="D729" s="37"/>
    </row>
    <row r="730" spans="4:4" ht="13.5" hidden="1" customHeight="1" x14ac:dyDescent="0.25">
      <c r="D730" s="37"/>
    </row>
    <row r="731" spans="4:4" ht="13.5" hidden="1" customHeight="1" x14ac:dyDescent="0.25">
      <c r="D731" s="37"/>
    </row>
    <row r="732" spans="4:4" ht="13.5" hidden="1" customHeight="1" x14ac:dyDescent="0.25">
      <c r="D732" s="37"/>
    </row>
    <row r="733" spans="4:4" ht="13.5" hidden="1" customHeight="1" x14ac:dyDescent="0.25">
      <c r="D733" s="37"/>
    </row>
    <row r="734" spans="4:4" ht="13.5" hidden="1" customHeight="1" x14ac:dyDescent="0.25">
      <c r="D734" s="37"/>
    </row>
    <row r="735" spans="4:4" ht="13.5" hidden="1" customHeight="1" x14ac:dyDescent="0.25">
      <c r="D735" s="37"/>
    </row>
    <row r="736" spans="4:4" ht="13.5" hidden="1" customHeight="1" x14ac:dyDescent="0.25">
      <c r="D736" s="37"/>
    </row>
    <row r="737" spans="4:4" ht="13.5" hidden="1" customHeight="1" x14ac:dyDescent="0.25">
      <c r="D737" s="37"/>
    </row>
    <row r="738" spans="4:4" ht="13.5" hidden="1" customHeight="1" x14ac:dyDescent="0.25">
      <c r="D738" s="37"/>
    </row>
    <row r="739" spans="4:4" ht="13.5" hidden="1" customHeight="1" x14ac:dyDescent="0.25">
      <c r="D739" s="37"/>
    </row>
    <row r="740" spans="4:4" ht="13.5" hidden="1" customHeight="1" x14ac:dyDescent="0.25">
      <c r="D740" s="37"/>
    </row>
    <row r="741" spans="4:4" ht="13.5" hidden="1" customHeight="1" x14ac:dyDescent="0.25">
      <c r="D741" s="37"/>
    </row>
    <row r="742" spans="4:4" ht="13.5" hidden="1" customHeight="1" x14ac:dyDescent="0.25">
      <c r="D742" s="37"/>
    </row>
    <row r="743" spans="4:4" ht="13.5" hidden="1" customHeight="1" x14ac:dyDescent="0.25">
      <c r="D743" s="37"/>
    </row>
    <row r="744" spans="4:4" ht="13.5" hidden="1" customHeight="1" x14ac:dyDescent="0.25">
      <c r="D744" s="37"/>
    </row>
    <row r="745" spans="4:4" ht="13.5" hidden="1" customHeight="1" x14ac:dyDescent="0.25">
      <c r="D745" s="37"/>
    </row>
    <row r="746" spans="4:4" ht="13.5" hidden="1" customHeight="1" x14ac:dyDescent="0.25">
      <c r="D746" s="37"/>
    </row>
    <row r="747" spans="4:4" ht="13.5" hidden="1" customHeight="1" x14ac:dyDescent="0.25">
      <c r="D747" s="37"/>
    </row>
    <row r="748" spans="4:4" ht="13.5" hidden="1" customHeight="1" x14ac:dyDescent="0.25">
      <c r="D748" s="37"/>
    </row>
    <row r="749" spans="4:4" ht="13.5" hidden="1" customHeight="1" x14ac:dyDescent="0.25">
      <c r="D749" s="37"/>
    </row>
    <row r="750" spans="4:4" ht="13.5" hidden="1" customHeight="1" x14ac:dyDescent="0.25">
      <c r="D750" s="37"/>
    </row>
    <row r="751" spans="4:4" ht="13.5" hidden="1" customHeight="1" x14ac:dyDescent="0.25">
      <c r="D751" s="37"/>
    </row>
    <row r="752" spans="4:4" ht="13.5" hidden="1" customHeight="1" x14ac:dyDescent="0.25">
      <c r="D752" s="37"/>
    </row>
    <row r="753" spans="4:4" ht="13.5" hidden="1" customHeight="1" x14ac:dyDescent="0.25">
      <c r="D753" s="37"/>
    </row>
    <row r="754" spans="4:4" ht="13.5" hidden="1" customHeight="1" x14ac:dyDescent="0.25">
      <c r="D754" s="37"/>
    </row>
    <row r="755" spans="4:4" ht="13.5" hidden="1" customHeight="1" x14ac:dyDescent="0.25">
      <c r="D755" s="37"/>
    </row>
    <row r="756" spans="4:4" ht="13.5" hidden="1" customHeight="1" x14ac:dyDescent="0.25">
      <c r="D756" s="37"/>
    </row>
    <row r="757" spans="4:4" ht="13.5" hidden="1" customHeight="1" x14ac:dyDescent="0.25">
      <c r="D757" s="37"/>
    </row>
    <row r="758" spans="4:4" ht="13.5" hidden="1" customHeight="1" x14ac:dyDescent="0.25">
      <c r="D758" s="37"/>
    </row>
    <row r="759" spans="4:4" ht="13.5" hidden="1" customHeight="1" x14ac:dyDescent="0.25">
      <c r="D759" s="37"/>
    </row>
    <row r="760" spans="4:4" ht="13.5" hidden="1" customHeight="1" x14ac:dyDescent="0.25">
      <c r="D760" s="37"/>
    </row>
    <row r="761" spans="4:4" ht="13.5" hidden="1" customHeight="1" x14ac:dyDescent="0.25">
      <c r="D761" s="37"/>
    </row>
    <row r="762" spans="4:4" ht="13.5" hidden="1" customHeight="1" x14ac:dyDescent="0.25">
      <c r="D762" s="37"/>
    </row>
    <row r="763" spans="4:4" ht="13.5" hidden="1" customHeight="1" x14ac:dyDescent="0.25">
      <c r="D763" s="37"/>
    </row>
    <row r="764" spans="4:4" ht="13.5" hidden="1" customHeight="1" x14ac:dyDescent="0.25">
      <c r="D764" s="37"/>
    </row>
    <row r="765" spans="4:4" ht="13.5" hidden="1" customHeight="1" x14ac:dyDescent="0.25">
      <c r="D765" s="37"/>
    </row>
    <row r="766" spans="4:4" ht="13.5" hidden="1" customHeight="1" x14ac:dyDescent="0.25">
      <c r="D766" s="37"/>
    </row>
    <row r="767" spans="4:4" ht="13.5" hidden="1" customHeight="1" x14ac:dyDescent="0.25">
      <c r="D767" s="37"/>
    </row>
    <row r="768" spans="4:4" ht="13.5" hidden="1" customHeight="1" x14ac:dyDescent="0.25">
      <c r="D768" s="37"/>
    </row>
    <row r="769" spans="4:4" ht="13.5" hidden="1" customHeight="1" x14ac:dyDescent="0.25">
      <c r="D769" s="37"/>
    </row>
    <row r="770" spans="4:4" ht="13.5" hidden="1" customHeight="1" x14ac:dyDescent="0.25">
      <c r="D770" s="37"/>
    </row>
    <row r="771" spans="4:4" ht="13.5" hidden="1" customHeight="1" x14ac:dyDescent="0.25">
      <c r="D771" s="37"/>
    </row>
    <row r="772" spans="4:4" ht="13.5" hidden="1" customHeight="1" x14ac:dyDescent="0.25">
      <c r="D772" s="37"/>
    </row>
    <row r="773" spans="4:4" ht="13.5" hidden="1" customHeight="1" x14ac:dyDescent="0.25">
      <c r="D773" s="37"/>
    </row>
    <row r="774" spans="4:4" ht="13.5" hidden="1" customHeight="1" x14ac:dyDescent="0.25">
      <c r="D774" s="37"/>
    </row>
    <row r="775" spans="4:4" ht="13.5" hidden="1" customHeight="1" x14ac:dyDescent="0.25">
      <c r="D775" s="37"/>
    </row>
    <row r="776" spans="4:4" ht="13.5" hidden="1" customHeight="1" x14ac:dyDescent="0.25">
      <c r="D776" s="37"/>
    </row>
    <row r="777" spans="4:4" ht="13.5" hidden="1" customHeight="1" x14ac:dyDescent="0.25">
      <c r="D777" s="37"/>
    </row>
    <row r="778" spans="4:4" ht="13.5" hidden="1" customHeight="1" x14ac:dyDescent="0.25">
      <c r="D778" s="37"/>
    </row>
    <row r="779" spans="4:4" ht="13.5" hidden="1" customHeight="1" x14ac:dyDescent="0.25">
      <c r="D779" s="37"/>
    </row>
    <row r="780" spans="4:4" ht="13.5" hidden="1" customHeight="1" x14ac:dyDescent="0.25">
      <c r="D780" s="37"/>
    </row>
    <row r="781" spans="4:4" ht="13.5" hidden="1" customHeight="1" x14ac:dyDescent="0.25">
      <c r="D781" s="37"/>
    </row>
    <row r="782" spans="4:4" ht="13.5" hidden="1" customHeight="1" x14ac:dyDescent="0.25">
      <c r="D782" s="37"/>
    </row>
    <row r="783" spans="4:4" ht="13.5" hidden="1" customHeight="1" x14ac:dyDescent="0.25">
      <c r="D783" s="37"/>
    </row>
    <row r="784" spans="4:4" ht="13.5" hidden="1" customHeight="1" x14ac:dyDescent="0.25">
      <c r="D784" s="37"/>
    </row>
    <row r="785" spans="4:4" ht="13.5" hidden="1" customHeight="1" x14ac:dyDescent="0.25">
      <c r="D785" s="37"/>
    </row>
    <row r="786" spans="4:4" ht="13.5" hidden="1" customHeight="1" x14ac:dyDescent="0.25">
      <c r="D786" s="37"/>
    </row>
    <row r="787" spans="4:4" ht="13.5" hidden="1" customHeight="1" x14ac:dyDescent="0.25">
      <c r="D787" s="37"/>
    </row>
    <row r="788" spans="4:4" ht="13.5" hidden="1" customHeight="1" x14ac:dyDescent="0.25">
      <c r="D788" s="37"/>
    </row>
    <row r="789" spans="4:4" ht="13.5" hidden="1" customHeight="1" x14ac:dyDescent="0.25">
      <c r="D789" s="37"/>
    </row>
    <row r="790" spans="4:4" ht="13.5" hidden="1" customHeight="1" x14ac:dyDescent="0.25">
      <c r="D790" s="37"/>
    </row>
    <row r="791" spans="4:4" ht="13.5" hidden="1" customHeight="1" x14ac:dyDescent="0.25">
      <c r="D791" s="37"/>
    </row>
    <row r="792" spans="4:4" ht="13.5" hidden="1" customHeight="1" x14ac:dyDescent="0.25">
      <c r="D792" s="37"/>
    </row>
    <row r="793" spans="4:4" ht="13.5" hidden="1" customHeight="1" x14ac:dyDescent="0.25">
      <c r="D793" s="37"/>
    </row>
    <row r="794" spans="4:4" ht="13.5" hidden="1" customHeight="1" x14ac:dyDescent="0.25">
      <c r="D794" s="37"/>
    </row>
    <row r="795" spans="4:4" ht="13.5" hidden="1" customHeight="1" x14ac:dyDescent="0.25">
      <c r="D795" s="37"/>
    </row>
    <row r="796" spans="4:4" ht="13.5" hidden="1" customHeight="1" x14ac:dyDescent="0.25">
      <c r="D796" s="37"/>
    </row>
    <row r="797" spans="4:4" ht="13.5" hidden="1" customHeight="1" x14ac:dyDescent="0.25">
      <c r="D797" s="37"/>
    </row>
    <row r="798" spans="4:4" ht="13.5" hidden="1" customHeight="1" x14ac:dyDescent="0.25">
      <c r="D798" s="37"/>
    </row>
    <row r="799" spans="4:4" ht="13.5" hidden="1" customHeight="1" x14ac:dyDescent="0.25">
      <c r="D799" s="37"/>
    </row>
    <row r="800" spans="4:4" ht="13.5" hidden="1" customHeight="1" x14ac:dyDescent="0.25">
      <c r="D800" s="37"/>
    </row>
    <row r="801" spans="4:4" ht="13.5" hidden="1" customHeight="1" x14ac:dyDescent="0.25">
      <c r="D801" s="37"/>
    </row>
    <row r="802" spans="4:4" ht="13.5" hidden="1" customHeight="1" x14ac:dyDescent="0.25">
      <c r="D802" s="37"/>
    </row>
    <row r="803" spans="4:4" ht="13.5" hidden="1" customHeight="1" x14ac:dyDescent="0.25">
      <c r="D803" s="37"/>
    </row>
    <row r="804" spans="4:4" ht="13.5" hidden="1" customHeight="1" x14ac:dyDescent="0.25">
      <c r="D804" s="37"/>
    </row>
    <row r="805" spans="4:4" ht="13.5" hidden="1" customHeight="1" x14ac:dyDescent="0.25">
      <c r="D805" s="37"/>
    </row>
    <row r="806" spans="4:4" ht="13.5" hidden="1" customHeight="1" x14ac:dyDescent="0.25">
      <c r="D806" s="37"/>
    </row>
    <row r="807" spans="4:4" ht="13.5" hidden="1" customHeight="1" x14ac:dyDescent="0.25">
      <c r="D807" s="37"/>
    </row>
    <row r="808" spans="4:4" ht="13.5" hidden="1" customHeight="1" x14ac:dyDescent="0.25">
      <c r="D808" s="37"/>
    </row>
    <row r="809" spans="4:4" ht="13.5" hidden="1" customHeight="1" x14ac:dyDescent="0.25">
      <c r="D809" s="37"/>
    </row>
    <row r="810" spans="4:4" ht="13.5" hidden="1" customHeight="1" x14ac:dyDescent="0.25">
      <c r="D810" s="37"/>
    </row>
    <row r="811" spans="4:4" ht="13.5" hidden="1" customHeight="1" x14ac:dyDescent="0.25">
      <c r="D811" s="37"/>
    </row>
    <row r="812" spans="4:4" ht="13.5" hidden="1" customHeight="1" x14ac:dyDescent="0.25">
      <c r="D812" s="37"/>
    </row>
    <row r="813" spans="4:4" ht="13.5" hidden="1" customHeight="1" x14ac:dyDescent="0.25">
      <c r="D813" s="37"/>
    </row>
    <row r="814" spans="4:4" ht="13.5" hidden="1" customHeight="1" x14ac:dyDescent="0.25">
      <c r="D814" s="37"/>
    </row>
    <row r="815" spans="4:4" ht="13.5" hidden="1" customHeight="1" x14ac:dyDescent="0.25">
      <c r="D815" s="37"/>
    </row>
    <row r="816" spans="4:4" ht="13.5" hidden="1" customHeight="1" x14ac:dyDescent="0.25">
      <c r="D816" s="37"/>
    </row>
    <row r="817" spans="4:4" ht="13.5" hidden="1" customHeight="1" x14ac:dyDescent="0.25">
      <c r="D817" s="37"/>
    </row>
    <row r="818" spans="4:4" ht="13.5" hidden="1" customHeight="1" x14ac:dyDescent="0.25">
      <c r="D818" s="37"/>
    </row>
    <row r="819" spans="4:4" ht="13.5" hidden="1" customHeight="1" x14ac:dyDescent="0.25">
      <c r="D819" s="37"/>
    </row>
    <row r="820" spans="4:4" ht="13.5" hidden="1" customHeight="1" x14ac:dyDescent="0.25">
      <c r="D820" s="37"/>
    </row>
    <row r="821" spans="4:4" ht="13.5" hidden="1" customHeight="1" x14ac:dyDescent="0.25">
      <c r="D821" s="37"/>
    </row>
    <row r="822" spans="4:4" ht="13.5" hidden="1" customHeight="1" x14ac:dyDescent="0.25">
      <c r="D822" s="37"/>
    </row>
    <row r="823" spans="4:4" ht="13.5" hidden="1" customHeight="1" x14ac:dyDescent="0.25">
      <c r="D823" s="37"/>
    </row>
    <row r="824" spans="4:4" ht="13.5" hidden="1" customHeight="1" x14ac:dyDescent="0.25">
      <c r="D824" s="37"/>
    </row>
    <row r="825" spans="4:4" ht="13.5" hidden="1" customHeight="1" x14ac:dyDescent="0.25">
      <c r="D825" s="37"/>
    </row>
    <row r="826" spans="4:4" ht="13.5" hidden="1" customHeight="1" x14ac:dyDescent="0.25">
      <c r="D826" s="37"/>
    </row>
    <row r="827" spans="4:4" ht="13.5" hidden="1" customHeight="1" x14ac:dyDescent="0.25">
      <c r="D827" s="37"/>
    </row>
    <row r="828" spans="4:4" ht="13.5" hidden="1" customHeight="1" x14ac:dyDescent="0.25">
      <c r="D828" s="37"/>
    </row>
    <row r="829" spans="4:4" ht="13.5" hidden="1" customHeight="1" x14ac:dyDescent="0.25">
      <c r="D829" s="37"/>
    </row>
    <row r="830" spans="4:4" ht="13.5" hidden="1" customHeight="1" x14ac:dyDescent="0.25">
      <c r="D830" s="37"/>
    </row>
    <row r="831" spans="4:4" ht="13.5" hidden="1" customHeight="1" x14ac:dyDescent="0.25">
      <c r="D831" s="37"/>
    </row>
    <row r="832" spans="4:4" ht="13.5" hidden="1" customHeight="1" x14ac:dyDescent="0.25">
      <c r="D832" s="37"/>
    </row>
    <row r="833" spans="4:4" ht="13.5" hidden="1" customHeight="1" x14ac:dyDescent="0.25">
      <c r="D833" s="37"/>
    </row>
    <row r="834" spans="4:4" ht="13.5" hidden="1" customHeight="1" x14ac:dyDescent="0.25">
      <c r="D834" s="37"/>
    </row>
    <row r="835" spans="4:4" ht="13.5" hidden="1" customHeight="1" x14ac:dyDescent="0.25">
      <c r="D835" s="37"/>
    </row>
    <row r="836" spans="4:4" ht="13.5" hidden="1" customHeight="1" x14ac:dyDescent="0.25">
      <c r="D836" s="37"/>
    </row>
    <row r="837" spans="4:4" ht="13.5" hidden="1" customHeight="1" x14ac:dyDescent="0.25">
      <c r="D837" s="37"/>
    </row>
    <row r="838" spans="4:4" ht="13.5" hidden="1" customHeight="1" x14ac:dyDescent="0.25">
      <c r="D838" s="37"/>
    </row>
    <row r="839" spans="4:4" ht="13.5" hidden="1" customHeight="1" x14ac:dyDescent="0.25">
      <c r="D839" s="37"/>
    </row>
    <row r="840" spans="4:4" ht="13.5" hidden="1" customHeight="1" x14ac:dyDescent="0.25">
      <c r="D840" s="37"/>
    </row>
    <row r="841" spans="4:4" ht="13.5" hidden="1" customHeight="1" x14ac:dyDescent="0.25">
      <c r="D841" s="37"/>
    </row>
    <row r="842" spans="4:4" ht="13.5" hidden="1" customHeight="1" x14ac:dyDescent="0.25">
      <c r="D842" s="37"/>
    </row>
    <row r="843" spans="4:4" ht="13.5" hidden="1" customHeight="1" x14ac:dyDescent="0.25">
      <c r="D843" s="37"/>
    </row>
    <row r="844" spans="4:4" ht="13.5" hidden="1" customHeight="1" x14ac:dyDescent="0.25">
      <c r="D844" s="37"/>
    </row>
    <row r="845" spans="4:4" ht="13.5" hidden="1" customHeight="1" x14ac:dyDescent="0.25">
      <c r="D845" s="37"/>
    </row>
    <row r="846" spans="4:4" ht="13.5" hidden="1" customHeight="1" x14ac:dyDescent="0.25">
      <c r="D846" s="37"/>
    </row>
    <row r="847" spans="4:4" ht="13.5" hidden="1" customHeight="1" x14ac:dyDescent="0.25">
      <c r="D847" s="37"/>
    </row>
    <row r="848" spans="4:4" ht="13.5" hidden="1" customHeight="1" x14ac:dyDescent="0.25">
      <c r="D848" s="37"/>
    </row>
    <row r="849" spans="4:4" ht="13.5" hidden="1" customHeight="1" x14ac:dyDescent="0.25">
      <c r="D849" s="37"/>
    </row>
    <row r="850" spans="4:4" ht="13.5" hidden="1" customHeight="1" x14ac:dyDescent="0.25">
      <c r="D850" s="37"/>
    </row>
    <row r="851" spans="4:4" ht="13.5" hidden="1" customHeight="1" x14ac:dyDescent="0.25">
      <c r="D851" s="37"/>
    </row>
    <row r="852" spans="4:4" ht="13.5" hidden="1" customHeight="1" x14ac:dyDescent="0.25">
      <c r="D852" s="37"/>
    </row>
    <row r="853" spans="4:4" ht="13.5" hidden="1" customHeight="1" x14ac:dyDescent="0.25">
      <c r="D853" s="37"/>
    </row>
    <row r="854" spans="4:4" ht="13.5" hidden="1" customHeight="1" x14ac:dyDescent="0.25">
      <c r="D854" s="37"/>
    </row>
    <row r="855" spans="4:4" ht="13.5" hidden="1" customHeight="1" x14ac:dyDescent="0.25">
      <c r="D855" s="37"/>
    </row>
    <row r="856" spans="4:4" ht="13.5" hidden="1" customHeight="1" x14ac:dyDescent="0.25">
      <c r="D856" s="37"/>
    </row>
    <row r="857" spans="4:4" ht="13.5" hidden="1" customHeight="1" x14ac:dyDescent="0.25">
      <c r="D857" s="37"/>
    </row>
    <row r="858" spans="4:4" ht="13.5" hidden="1" customHeight="1" x14ac:dyDescent="0.25">
      <c r="D858" s="37"/>
    </row>
    <row r="859" spans="4:4" ht="13.5" hidden="1" customHeight="1" x14ac:dyDescent="0.25">
      <c r="D859" s="37"/>
    </row>
    <row r="860" spans="4:4" ht="13.5" hidden="1" customHeight="1" x14ac:dyDescent="0.25">
      <c r="D860" s="37"/>
    </row>
    <row r="861" spans="4:4" ht="13.5" hidden="1" customHeight="1" x14ac:dyDescent="0.25">
      <c r="D861" s="37"/>
    </row>
    <row r="862" spans="4:4" ht="13.5" hidden="1" customHeight="1" x14ac:dyDescent="0.25">
      <c r="D862" s="37"/>
    </row>
    <row r="863" spans="4:4" ht="13.5" hidden="1" customHeight="1" x14ac:dyDescent="0.25">
      <c r="D863" s="37"/>
    </row>
    <row r="864" spans="4:4" ht="13.5" hidden="1" customHeight="1" x14ac:dyDescent="0.25">
      <c r="D864" s="37"/>
    </row>
    <row r="865" spans="4:4" ht="13.5" hidden="1" customHeight="1" x14ac:dyDescent="0.25">
      <c r="D865" s="37"/>
    </row>
    <row r="866" spans="4:4" ht="13.5" hidden="1" customHeight="1" x14ac:dyDescent="0.25">
      <c r="D866" s="37"/>
    </row>
    <row r="867" spans="4:4" ht="13.5" hidden="1" customHeight="1" x14ac:dyDescent="0.25">
      <c r="D867" s="37"/>
    </row>
    <row r="868" spans="4:4" ht="13.5" hidden="1" customHeight="1" x14ac:dyDescent="0.25">
      <c r="D868" s="37"/>
    </row>
    <row r="869" spans="4:4" ht="13.5" hidden="1" customHeight="1" x14ac:dyDescent="0.25">
      <c r="D869" s="37"/>
    </row>
    <row r="870" spans="4:4" ht="13.5" hidden="1" customHeight="1" x14ac:dyDescent="0.25">
      <c r="D870" s="37"/>
    </row>
    <row r="871" spans="4:4" ht="13.5" hidden="1" customHeight="1" x14ac:dyDescent="0.25">
      <c r="D871" s="37"/>
    </row>
    <row r="872" spans="4:4" ht="13.5" hidden="1" customHeight="1" x14ac:dyDescent="0.25">
      <c r="D872" s="37"/>
    </row>
    <row r="873" spans="4:4" ht="13.5" hidden="1" customHeight="1" x14ac:dyDescent="0.25">
      <c r="D873" s="37"/>
    </row>
    <row r="874" spans="4:4" ht="13.5" hidden="1" customHeight="1" x14ac:dyDescent="0.25">
      <c r="D874" s="37"/>
    </row>
    <row r="875" spans="4:4" ht="13.5" hidden="1" customHeight="1" x14ac:dyDescent="0.25">
      <c r="D875" s="37"/>
    </row>
    <row r="876" spans="4:4" ht="13.5" hidden="1" customHeight="1" x14ac:dyDescent="0.25">
      <c r="D876" s="37"/>
    </row>
    <row r="877" spans="4:4" ht="13.5" hidden="1" customHeight="1" x14ac:dyDescent="0.25">
      <c r="D877" s="37"/>
    </row>
    <row r="878" spans="4:4" ht="13.5" hidden="1" customHeight="1" x14ac:dyDescent="0.25">
      <c r="D878" s="37"/>
    </row>
    <row r="879" spans="4:4" ht="13.5" hidden="1" customHeight="1" x14ac:dyDescent="0.25">
      <c r="D879" s="37"/>
    </row>
    <row r="880" spans="4:4" ht="13.5" hidden="1" customHeight="1" x14ac:dyDescent="0.25">
      <c r="D880" s="37"/>
    </row>
    <row r="881" spans="4:4" ht="13.5" hidden="1" customHeight="1" x14ac:dyDescent="0.25">
      <c r="D881" s="37"/>
    </row>
    <row r="882" spans="4:4" ht="13.5" hidden="1" customHeight="1" x14ac:dyDescent="0.25">
      <c r="D882" s="37"/>
    </row>
    <row r="883" spans="4:4" ht="13.5" hidden="1" customHeight="1" x14ac:dyDescent="0.25">
      <c r="D883" s="37"/>
    </row>
    <row r="884" spans="4:4" ht="13.5" hidden="1" customHeight="1" x14ac:dyDescent="0.25">
      <c r="D884" s="37"/>
    </row>
    <row r="885" spans="4:4" ht="13.5" hidden="1" customHeight="1" x14ac:dyDescent="0.25">
      <c r="D885" s="37"/>
    </row>
    <row r="886" spans="4:4" ht="13.5" hidden="1" customHeight="1" x14ac:dyDescent="0.25">
      <c r="D886" s="37"/>
    </row>
    <row r="887" spans="4:4" ht="13.5" hidden="1" customHeight="1" x14ac:dyDescent="0.25">
      <c r="D887" s="37"/>
    </row>
    <row r="888" spans="4:4" ht="13.5" hidden="1" customHeight="1" x14ac:dyDescent="0.25">
      <c r="D888" s="37"/>
    </row>
    <row r="889" spans="4:4" ht="13.5" hidden="1" customHeight="1" x14ac:dyDescent="0.25">
      <c r="D889" s="37"/>
    </row>
    <row r="890" spans="4:4" ht="13.5" hidden="1" customHeight="1" x14ac:dyDescent="0.25">
      <c r="D890" s="37"/>
    </row>
    <row r="891" spans="4:4" ht="13.5" hidden="1" customHeight="1" x14ac:dyDescent="0.25">
      <c r="D891" s="37"/>
    </row>
    <row r="892" spans="4:4" ht="13.5" hidden="1" customHeight="1" x14ac:dyDescent="0.25">
      <c r="D892" s="37"/>
    </row>
    <row r="893" spans="4:4" ht="13.5" hidden="1" customHeight="1" x14ac:dyDescent="0.25">
      <c r="D893" s="37"/>
    </row>
    <row r="894" spans="4:4" ht="13.5" hidden="1" customHeight="1" x14ac:dyDescent="0.25">
      <c r="D894" s="37"/>
    </row>
    <row r="895" spans="4:4" ht="13.5" hidden="1" customHeight="1" x14ac:dyDescent="0.25">
      <c r="D895" s="37"/>
    </row>
    <row r="896" spans="4:4" ht="13.5" hidden="1" customHeight="1" x14ac:dyDescent="0.25">
      <c r="D896" s="37"/>
    </row>
    <row r="897" spans="4:4" ht="13.5" hidden="1" customHeight="1" x14ac:dyDescent="0.25">
      <c r="D897" s="37"/>
    </row>
    <row r="898" spans="4:4" ht="13.5" hidden="1" customHeight="1" x14ac:dyDescent="0.25">
      <c r="D898" s="37"/>
    </row>
    <row r="899" spans="4:4" ht="13.5" hidden="1" customHeight="1" x14ac:dyDescent="0.25">
      <c r="D899" s="37"/>
    </row>
    <row r="900" spans="4:4" ht="13.5" hidden="1" customHeight="1" x14ac:dyDescent="0.25">
      <c r="D900" s="37"/>
    </row>
    <row r="901" spans="4:4" ht="13.5" hidden="1" customHeight="1" x14ac:dyDescent="0.25">
      <c r="D901" s="37"/>
    </row>
    <row r="902" spans="4:4" ht="13.5" hidden="1" customHeight="1" x14ac:dyDescent="0.25">
      <c r="D902" s="37"/>
    </row>
    <row r="903" spans="4:4" ht="13.5" hidden="1" customHeight="1" x14ac:dyDescent="0.25">
      <c r="D903" s="37"/>
    </row>
    <row r="904" spans="4:4" ht="13.5" hidden="1" customHeight="1" x14ac:dyDescent="0.25">
      <c r="D904" s="37"/>
    </row>
    <row r="905" spans="4:4" ht="13.5" hidden="1" customHeight="1" x14ac:dyDescent="0.25">
      <c r="D905" s="37"/>
    </row>
    <row r="906" spans="4:4" ht="13.5" hidden="1" customHeight="1" x14ac:dyDescent="0.25">
      <c r="D906" s="37"/>
    </row>
    <row r="907" spans="4:4" ht="13.5" hidden="1" customHeight="1" x14ac:dyDescent="0.25">
      <c r="D907" s="37"/>
    </row>
    <row r="908" spans="4:4" ht="13.5" hidden="1" customHeight="1" x14ac:dyDescent="0.25">
      <c r="D908" s="37"/>
    </row>
    <row r="909" spans="4:4" ht="13.5" hidden="1" customHeight="1" x14ac:dyDescent="0.25">
      <c r="D909" s="37"/>
    </row>
    <row r="910" spans="4:4" ht="13.5" hidden="1" customHeight="1" x14ac:dyDescent="0.25">
      <c r="D910" s="37"/>
    </row>
    <row r="911" spans="4:4" ht="13.5" hidden="1" customHeight="1" x14ac:dyDescent="0.25">
      <c r="D911" s="37"/>
    </row>
    <row r="912" spans="4:4" ht="13.5" hidden="1" customHeight="1" x14ac:dyDescent="0.25">
      <c r="D912" s="37"/>
    </row>
    <row r="913" spans="4:4" ht="13.5" hidden="1" customHeight="1" x14ac:dyDescent="0.25">
      <c r="D913" s="37"/>
    </row>
    <row r="914" spans="4:4" ht="13.5" hidden="1" customHeight="1" x14ac:dyDescent="0.25">
      <c r="D914" s="37"/>
    </row>
    <row r="915" spans="4:4" ht="13.5" hidden="1" customHeight="1" x14ac:dyDescent="0.25">
      <c r="D915" s="37"/>
    </row>
    <row r="916" spans="4:4" ht="13.5" hidden="1" customHeight="1" x14ac:dyDescent="0.25">
      <c r="D916" s="37"/>
    </row>
    <row r="917" spans="4:4" ht="13.5" hidden="1" customHeight="1" x14ac:dyDescent="0.25">
      <c r="D917" s="37"/>
    </row>
    <row r="918" spans="4:4" ht="13.5" hidden="1" customHeight="1" x14ac:dyDescent="0.25">
      <c r="D918" s="37"/>
    </row>
    <row r="919" spans="4:4" ht="13.5" hidden="1" customHeight="1" x14ac:dyDescent="0.25">
      <c r="D919" s="37"/>
    </row>
    <row r="920" spans="4:4" ht="13.5" hidden="1" customHeight="1" x14ac:dyDescent="0.25">
      <c r="D920" s="37"/>
    </row>
    <row r="921" spans="4:4" ht="13.5" hidden="1" customHeight="1" x14ac:dyDescent="0.25">
      <c r="D921" s="37"/>
    </row>
    <row r="922" spans="4:4" ht="13.5" hidden="1" customHeight="1" x14ac:dyDescent="0.25">
      <c r="D922" s="37"/>
    </row>
    <row r="923" spans="4:4" ht="13.5" hidden="1" customHeight="1" x14ac:dyDescent="0.25">
      <c r="D923" s="37"/>
    </row>
    <row r="924" spans="4:4" ht="13.5" hidden="1" customHeight="1" x14ac:dyDescent="0.25">
      <c r="D924" s="37"/>
    </row>
    <row r="925" spans="4:4" ht="13.5" hidden="1" customHeight="1" x14ac:dyDescent="0.25">
      <c r="D925" s="37"/>
    </row>
    <row r="926" spans="4:4" ht="13.5" hidden="1" customHeight="1" x14ac:dyDescent="0.25">
      <c r="D926" s="37"/>
    </row>
    <row r="927" spans="4:4" ht="13.5" hidden="1" customHeight="1" x14ac:dyDescent="0.25">
      <c r="D927" s="37"/>
    </row>
    <row r="928" spans="4:4" ht="13.5" hidden="1" customHeight="1" x14ac:dyDescent="0.25">
      <c r="D928" s="37"/>
    </row>
    <row r="929" spans="4:4" ht="13.5" hidden="1" customHeight="1" x14ac:dyDescent="0.25">
      <c r="D929" s="37"/>
    </row>
    <row r="930" spans="4:4" ht="13.5" hidden="1" customHeight="1" x14ac:dyDescent="0.25">
      <c r="D930" s="37"/>
    </row>
    <row r="931" spans="4:4" ht="13.5" hidden="1" customHeight="1" x14ac:dyDescent="0.25">
      <c r="D931" s="37"/>
    </row>
    <row r="932" spans="4:4" ht="13.5" hidden="1" customHeight="1" x14ac:dyDescent="0.25">
      <c r="D932" s="37"/>
    </row>
    <row r="933" spans="4:4" ht="13.5" hidden="1" customHeight="1" x14ac:dyDescent="0.25">
      <c r="D933" s="37"/>
    </row>
    <row r="934" spans="4:4" ht="13.5" hidden="1" customHeight="1" x14ac:dyDescent="0.25">
      <c r="D934" s="37"/>
    </row>
    <row r="935" spans="4:4" ht="13.5" hidden="1" customHeight="1" x14ac:dyDescent="0.25">
      <c r="D935" s="37"/>
    </row>
    <row r="936" spans="4:4" ht="13.5" hidden="1" customHeight="1" x14ac:dyDescent="0.25">
      <c r="D936" s="37"/>
    </row>
    <row r="937" spans="4:4" ht="13.5" hidden="1" customHeight="1" x14ac:dyDescent="0.25">
      <c r="D937" s="37"/>
    </row>
    <row r="938" spans="4:4" ht="13.5" hidden="1" customHeight="1" x14ac:dyDescent="0.25">
      <c r="D938" s="37"/>
    </row>
    <row r="939" spans="4:4" ht="13.5" hidden="1" customHeight="1" x14ac:dyDescent="0.25">
      <c r="D939" s="37"/>
    </row>
    <row r="940" spans="4:4" ht="13.5" hidden="1" customHeight="1" x14ac:dyDescent="0.25">
      <c r="D940" s="37"/>
    </row>
    <row r="941" spans="4:4" ht="13.5" hidden="1" customHeight="1" x14ac:dyDescent="0.25">
      <c r="D941" s="37"/>
    </row>
    <row r="942" spans="4:4" ht="13.5" hidden="1" customHeight="1" x14ac:dyDescent="0.25">
      <c r="D942" s="37"/>
    </row>
    <row r="943" spans="4:4" ht="13.5" hidden="1" customHeight="1" x14ac:dyDescent="0.25">
      <c r="D943" s="37"/>
    </row>
    <row r="944" spans="4:4" ht="13.5" hidden="1" customHeight="1" x14ac:dyDescent="0.25">
      <c r="D944" s="37"/>
    </row>
    <row r="945" spans="4:4" ht="13.5" hidden="1" customHeight="1" x14ac:dyDescent="0.25">
      <c r="D945" s="37"/>
    </row>
    <row r="946" spans="4:4" ht="13.5" hidden="1" customHeight="1" x14ac:dyDescent="0.25">
      <c r="D946" s="37"/>
    </row>
    <row r="947" spans="4:4" ht="13.5" hidden="1" customHeight="1" x14ac:dyDescent="0.25">
      <c r="D947" s="37"/>
    </row>
    <row r="948" spans="4:4" ht="13.5" hidden="1" customHeight="1" x14ac:dyDescent="0.25">
      <c r="D948" s="37"/>
    </row>
    <row r="949" spans="4:4" ht="13.5" hidden="1" customHeight="1" x14ac:dyDescent="0.25">
      <c r="D949" s="37"/>
    </row>
    <row r="950" spans="4:4" ht="13.5" hidden="1" customHeight="1" x14ac:dyDescent="0.25">
      <c r="D950" s="37"/>
    </row>
    <row r="951" spans="4:4" ht="13.5" hidden="1" customHeight="1" x14ac:dyDescent="0.25">
      <c r="D951" s="37"/>
    </row>
    <row r="952" spans="4:4" ht="13.5" hidden="1" customHeight="1" x14ac:dyDescent="0.25">
      <c r="D952" s="37"/>
    </row>
    <row r="953" spans="4:4" ht="13.5" hidden="1" customHeight="1" x14ac:dyDescent="0.25">
      <c r="D953" s="37"/>
    </row>
    <row r="954" spans="4:4" ht="13.5" hidden="1" customHeight="1" x14ac:dyDescent="0.25">
      <c r="D954" s="37"/>
    </row>
    <row r="955" spans="4:4" ht="13.5" hidden="1" customHeight="1" x14ac:dyDescent="0.25">
      <c r="D955" s="37"/>
    </row>
    <row r="956" spans="4:4" ht="13.5" hidden="1" customHeight="1" x14ac:dyDescent="0.25">
      <c r="D956" s="37"/>
    </row>
    <row r="957" spans="4:4" ht="13.5" hidden="1" customHeight="1" x14ac:dyDescent="0.25">
      <c r="D957" s="37"/>
    </row>
    <row r="958" spans="4:4" ht="13.5" hidden="1" customHeight="1" x14ac:dyDescent="0.25">
      <c r="D958" s="37"/>
    </row>
    <row r="959" spans="4:4" ht="13.5" hidden="1" customHeight="1" x14ac:dyDescent="0.25">
      <c r="D959" s="37"/>
    </row>
    <row r="960" spans="4:4" ht="13.5" hidden="1" customHeight="1" x14ac:dyDescent="0.25">
      <c r="D960" s="37"/>
    </row>
    <row r="961" spans="4:4" ht="13.5" hidden="1" customHeight="1" x14ac:dyDescent="0.25">
      <c r="D961" s="37"/>
    </row>
    <row r="962" spans="4:4" ht="13.5" hidden="1" customHeight="1" x14ac:dyDescent="0.25">
      <c r="D962" s="37"/>
    </row>
    <row r="963" spans="4:4" ht="13.5" hidden="1" customHeight="1" x14ac:dyDescent="0.25">
      <c r="D963" s="37"/>
    </row>
    <row r="964" spans="4:4" ht="13.5" hidden="1" customHeight="1" x14ac:dyDescent="0.25">
      <c r="D964" s="37"/>
    </row>
    <row r="965" spans="4:4" ht="13.5" hidden="1" customHeight="1" x14ac:dyDescent="0.25">
      <c r="D965" s="37"/>
    </row>
    <row r="966" spans="4:4" ht="13.5" hidden="1" customHeight="1" x14ac:dyDescent="0.25">
      <c r="D966" s="37"/>
    </row>
    <row r="967" spans="4:4" ht="13.5" hidden="1" customHeight="1" x14ac:dyDescent="0.25">
      <c r="D967" s="37"/>
    </row>
    <row r="968" spans="4:4" ht="13.5" hidden="1" customHeight="1" x14ac:dyDescent="0.25">
      <c r="D968" s="37"/>
    </row>
    <row r="969" spans="4:4" ht="13.5" hidden="1" customHeight="1" x14ac:dyDescent="0.25">
      <c r="D969" s="37"/>
    </row>
    <row r="970" spans="4:4" ht="13.5" hidden="1" customHeight="1" x14ac:dyDescent="0.25">
      <c r="D970" s="37"/>
    </row>
    <row r="971" spans="4:4" ht="13.5" hidden="1" customHeight="1" x14ac:dyDescent="0.25">
      <c r="D971" s="37"/>
    </row>
    <row r="972" spans="4:4" ht="13.5" hidden="1" customHeight="1" x14ac:dyDescent="0.25">
      <c r="D972" s="37"/>
    </row>
    <row r="973" spans="4:4" ht="13.5" hidden="1" customHeight="1" x14ac:dyDescent="0.25">
      <c r="D973" s="37"/>
    </row>
    <row r="974" spans="4:4" ht="13.5" hidden="1" customHeight="1" x14ac:dyDescent="0.25">
      <c r="D974" s="37"/>
    </row>
    <row r="975" spans="4:4" ht="13.5" hidden="1" customHeight="1" x14ac:dyDescent="0.25">
      <c r="D975" s="37"/>
    </row>
    <row r="976" spans="4:4" ht="13.5" hidden="1" customHeight="1" x14ac:dyDescent="0.25">
      <c r="D976" s="37"/>
    </row>
    <row r="977" spans="4:4" ht="13.5" hidden="1" customHeight="1" x14ac:dyDescent="0.25">
      <c r="D977" s="37"/>
    </row>
    <row r="978" spans="4:4" ht="13.5" hidden="1" customHeight="1" x14ac:dyDescent="0.25">
      <c r="D978" s="37"/>
    </row>
    <row r="979" spans="4:4" ht="13.5" hidden="1" customHeight="1" x14ac:dyDescent="0.25">
      <c r="D979" s="37"/>
    </row>
    <row r="980" spans="4:4" ht="13.5" hidden="1" customHeight="1" x14ac:dyDescent="0.25">
      <c r="D980" s="37"/>
    </row>
    <row r="981" spans="4:4" ht="13.5" hidden="1" customHeight="1" x14ac:dyDescent="0.25">
      <c r="D981" s="37"/>
    </row>
    <row r="982" spans="4:4" ht="13.5" hidden="1" customHeight="1" x14ac:dyDescent="0.25">
      <c r="D982" s="37"/>
    </row>
    <row r="983" spans="4:4" ht="13.5" hidden="1" customHeight="1" x14ac:dyDescent="0.25">
      <c r="D983" s="37"/>
    </row>
    <row r="984" spans="4:4" ht="13.5" hidden="1" customHeight="1" x14ac:dyDescent="0.25">
      <c r="D984" s="37"/>
    </row>
    <row r="985" spans="4:4" ht="13.5" hidden="1" customHeight="1" x14ac:dyDescent="0.25">
      <c r="D985" s="37"/>
    </row>
    <row r="986" spans="4:4" ht="13.5" hidden="1" customHeight="1" x14ac:dyDescent="0.25">
      <c r="D986" s="37"/>
    </row>
    <row r="987" spans="4:4" ht="13.5" hidden="1" customHeight="1" x14ac:dyDescent="0.25">
      <c r="D987" s="37"/>
    </row>
    <row r="988" spans="4:4" ht="13.5" hidden="1" customHeight="1" x14ac:dyDescent="0.25">
      <c r="D988" s="37"/>
    </row>
    <row r="989" spans="4:4" ht="13.5" hidden="1" customHeight="1" x14ac:dyDescent="0.25">
      <c r="D989" s="37"/>
    </row>
    <row r="990" spans="4:4" ht="13.5" hidden="1" customHeight="1" x14ac:dyDescent="0.25">
      <c r="D990" s="37"/>
    </row>
    <row r="991" spans="4:4" ht="13.5" hidden="1" customHeight="1" x14ac:dyDescent="0.25">
      <c r="D991" s="37"/>
    </row>
    <row r="992" spans="4:4" ht="13.5" hidden="1" customHeight="1" x14ac:dyDescent="0.25">
      <c r="D992" s="37"/>
    </row>
    <row r="993" spans="4:4" ht="13.5" hidden="1" customHeight="1" x14ac:dyDescent="0.25">
      <c r="D993" s="37"/>
    </row>
    <row r="994" spans="4:4" ht="13.5" hidden="1" customHeight="1" x14ac:dyDescent="0.25">
      <c r="D994" s="37"/>
    </row>
    <row r="995" spans="4:4" ht="13.5" hidden="1" customHeight="1" x14ac:dyDescent="0.25">
      <c r="D995" s="37"/>
    </row>
    <row r="996" spans="4:4" ht="13.5" hidden="1" customHeight="1" x14ac:dyDescent="0.25">
      <c r="D996" s="37"/>
    </row>
    <row r="997" spans="4:4" ht="13.5" hidden="1" customHeight="1" x14ac:dyDescent="0.25">
      <c r="D997" s="37"/>
    </row>
    <row r="998" spans="4:4" ht="13.5" hidden="1" customHeight="1" x14ac:dyDescent="0.25">
      <c r="D998" s="37"/>
    </row>
    <row r="999" spans="4:4" ht="13.5" hidden="1" customHeight="1" x14ac:dyDescent="0.25">
      <c r="D999" s="37"/>
    </row>
    <row r="1000" spans="4:4" ht="13.5" hidden="1" customHeight="1" x14ac:dyDescent="0.25">
      <c r="D1000" s="37"/>
    </row>
  </sheetData>
  <mergeCells count="9">
    <mergeCell ref="A23:D23"/>
    <mergeCell ref="A24:D24"/>
    <mergeCell ref="A1:D4"/>
    <mergeCell ref="A5:D5"/>
    <mergeCell ref="A6:D6"/>
    <mergeCell ref="A11:D11"/>
    <mergeCell ref="A12:D12"/>
    <mergeCell ref="A17:D17"/>
    <mergeCell ref="A18:D18"/>
  </mergeCells>
  <pageMargins left="0.7" right="0.7" top="0.75" bottom="0.75" header="0" footer="0"/>
  <pageSetup orientation="portrait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300-000000000000}">
  <sheetPr>
    <tabColor rgb="FF00B050"/>
  </sheetPr>
  <dimension ref="A1:Z1000"/>
  <sheetViews>
    <sheetView topLeftCell="F1" workbookViewId="0">
      <selection activeCell="F1" sqref="F1:K4"/>
    </sheetView>
  </sheetViews>
  <sheetFormatPr defaultColWidth="0" defaultRowHeight="15" customHeight="1" zeroHeight="1" x14ac:dyDescent="0.25"/>
  <cols>
    <col min="1" max="5" width="9" hidden="1" customWidth="1"/>
    <col min="6" max="6" width="4.8984375" customWidth="1"/>
    <col min="7" max="7" width="20.59765625" customWidth="1"/>
    <col min="8" max="9" width="34.5" customWidth="1"/>
    <col min="10" max="11" width="14.3984375" customWidth="1"/>
    <col min="12" max="26" width="8.59765625" hidden="1" customWidth="1"/>
    <col min="27" max="16384" width="12.59765625" hidden="1"/>
  </cols>
  <sheetData>
    <row r="1" spans="6:11" ht="14.25" customHeight="1" x14ac:dyDescent="0.25">
      <c r="F1" s="93" t="s">
        <v>72</v>
      </c>
      <c r="G1" s="82"/>
      <c r="H1" s="82"/>
      <c r="I1" s="82"/>
      <c r="J1" s="82"/>
      <c r="K1" s="83"/>
    </row>
    <row r="2" spans="6:11" ht="14.25" customHeight="1" x14ac:dyDescent="0.25">
      <c r="F2" s="84"/>
      <c r="G2" s="62"/>
      <c r="H2" s="62"/>
      <c r="I2" s="62"/>
      <c r="J2" s="62"/>
      <c r="K2" s="85"/>
    </row>
    <row r="3" spans="6:11" ht="14.25" customHeight="1" x14ac:dyDescent="0.25">
      <c r="F3" s="84"/>
      <c r="G3" s="62"/>
      <c r="H3" s="62"/>
      <c r="I3" s="62"/>
      <c r="J3" s="62"/>
      <c r="K3" s="85"/>
    </row>
    <row r="4" spans="6:11" ht="15" customHeight="1" x14ac:dyDescent="0.25">
      <c r="F4" s="86"/>
      <c r="G4" s="87"/>
      <c r="H4" s="87"/>
      <c r="I4" s="87"/>
      <c r="J4" s="87"/>
      <c r="K4" s="88"/>
    </row>
    <row r="5" spans="6:11" ht="13.5" customHeight="1" x14ac:dyDescent="0.25">
      <c r="F5" s="89"/>
      <c r="G5" s="78"/>
      <c r="H5" s="78"/>
      <c r="I5" s="78"/>
      <c r="J5" s="78"/>
      <c r="K5" s="78"/>
    </row>
    <row r="6" spans="6:11" ht="13.5" customHeight="1" x14ac:dyDescent="0.3">
      <c r="F6" s="92" t="s">
        <v>51</v>
      </c>
      <c r="G6" s="78"/>
      <c r="H6" s="78"/>
      <c r="I6" s="78"/>
      <c r="J6" s="78"/>
      <c r="K6" s="80"/>
    </row>
    <row r="7" spans="6:11" ht="13.5" customHeight="1" x14ac:dyDescent="0.3">
      <c r="F7" s="29"/>
      <c r="G7" s="30" t="s">
        <v>52</v>
      </c>
      <c r="H7" s="30" t="s">
        <v>53</v>
      </c>
      <c r="I7" s="30" t="s">
        <v>54</v>
      </c>
      <c r="J7" s="31" t="s">
        <v>55</v>
      </c>
      <c r="K7" s="30" t="s">
        <v>73</v>
      </c>
    </row>
    <row r="8" spans="6:11" ht="13.5" customHeight="1" x14ac:dyDescent="0.3">
      <c r="F8" s="32">
        <v>1</v>
      </c>
      <c r="G8" s="32" t="s">
        <v>51</v>
      </c>
      <c r="H8" s="32"/>
      <c r="I8" s="32"/>
      <c r="J8" s="33"/>
      <c r="K8" s="32"/>
    </row>
    <row r="9" spans="6:11" ht="13.5" customHeight="1" x14ac:dyDescent="0.3">
      <c r="F9" s="32">
        <v>2</v>
      </c>
      <c r="G9" s="32" t="s">
        <v>51</v>
      </c>
      <c r="H9" s="32"/>
      <c r="I9" s="32"/>
      <c r="J9" s="33"/>
      <c r="K9" s="32"/>
    </row>
    <row r="10" spans="6:11" ht="13.5" customHeight="1" x14ac:dyDescent="0.3">
      <c r="F10" s="77"/>
      <c r="G10" s="78"/>
      <c r="H10" s="78"/>
      <c r="I10" s="78"/>
      <c r="J10" s="78"/>
      <c r="K10" s="78"/>
    </row>
    <row r="11" spans="6:11" ht="13.5" customHeight="1" x14ac:dyDescent="0.3">
      <c r="F11" s="92" t="s">
        <v>57</v>
      </c>
      <c r="G11" s="78"/>
      <c r="H11" s="78"/>
      <c r="I11" s="78"/>
      <c r="J11" s="78"/>
      <c r="K11" s="80"/>
    </row>
    <row r="12" spans="6:11" ht="13.5" customHeight="1" x14ac:dyDescent="0.3">
      <c r="F12" s="29"/>
      <c r="G12" s="30" t="s">
        <v>52</v>
      </c>
      <c r="H12" s="30" t="s">
        <v>53</v>
      </c>
      <c r="I12" s="30" t="s">
        <v>54</v>
      </c>
      <c r="J12" s="31" t="s">
        <v>55</v>
      </c>
      <c r="K12" s="30" t="s">
        <v>73</v>
      </c>
    </row>
    <row r="13" spans="6:11" ht="13.5" customHeight="1" x14ac:dyDescent="0.3">
      <c r="F13" s="32">
        <v>1</v>
      </c>
      <c r="G13" s="32" t="s">
        <v>57</v>
      </c>
      <c r="H13" s="32"/>
      <c r="I13" s="32"/>
      <c r="J13" s="33"/>
      <c r="K13" s="32"/>
    </row>
    <row r="14" spans="6:11" ht="13.5" customHeight="1" x14ac:dyDescent="0.3">
      <c r="F14" s="32">
        <v>2</v>
      </c>
      <c r="G14" s="32" t="s">
        <v>57</v>
      </c>
      <c r="H14" s="32"/>
      <c r="I14" s="32"/>
      <c r="J14" s="33"/>
      <c r="K14" s="32"/>
    </row>
    <row r="15" spans="6:11" ht="13.5" customHeight="1" x14ac:dyDescent="0.3">
      <c r="F15" s="77"/>
      <c r="G15" s="78"/>
      <c r="H15" s="78"/>
      <c r="I15" s="78"/>
      <c r="J15" s="78"/>
      <c r="K15" s="78"/>
    </row>
    <row r="16" spans="6:11" ht="13.5" customHeight="1" x14ac:dyDescent="0.3">
      <c r="F16" s="92" t="s">
        <v>58</v>
      </c>
      <c r="G16" s="78"/>
      <c r="H16" s="78"/>
      <c r="I16" s="78"/>
      <c r="J16" s="78"/>
      <c r="K16" s="80"/>
    </row>
    <row r="17" spans="6:11" ht="13.5" customHeight="1" x14ac:dyDescent="0.3">
      <c r="F17" s="29"/>
      <c r="G17" s="30" t="s">
        <v>52</v>
      </c>
      <c r="H17" s="30" t="s">
        <v>53</v>
      </c>
      <c r="I17" s="30" t="s">
        <v>54</v>
      </c>
      <c r="J17" s="31" t="s">
        <v>55</v>
      </c>
      <c r="K17" s="30" t="s">
        <v>73</v>
      </c>
    </row>
    <row r="18" spans="6:11" ht="13.5" customHeight="1" x14ac:dyDescent="0.3">
      <c r="F18" s="32">
        <v>1</v>
      </c>
      <c r="G18" s="32" t="s">
        <v>58</v>
      </c>
      <c r="H18" s="32"/>
      <c r="I18" s="32"/>
      <c r="J18" s="33"/>
      <c r="K18" s="32"/>
    </row>
    <row r="19" spans="6:11" ht="13.5" customHeight="1" x14ac:dyDescent="0.3">
      <c r="F19" s="32">
        <v>2</v>
      </c>
      <c r="G19" s="32" t="s">
        <v>58</v>
      </c>
      <c r="H19" s="32"/>
      <c r="I19" s="32"/>
      <c r="J19" s="33"/>
      <c r="K19" s="32"/>
    </row>
    <row r="20" spans="6:11" ht="13.5" customHeight="1" x14ac:dyDescent="0.3">
      <c r="F20" s="77"/>
      <c r="G20" s="78"/>
      <c r="H20" s="78"/>
      <c r="I20" s="78"/>
      <c r="J20" s="78"/>
      <c r="K20" s="78"/>
    </row>
    <row r="21" spans="6:11" ht="13.5" customHeight="1" x14ac:dyDescent="0.3">
      <c r="F21" s="92" t="s">
        <v>59</v>
      </c>
      <c r="G21" s="78"/>
      <c r="H21" s="78"/>
      <c r="I21" s="78"/>
      <c r="J21" s="78"/>
      <c r="K21" s="80"/>
    </row>
    <row r="22" spans="6:11" ht="13.5" customHeight="1" x14ac:dyDescent="0.3">
      <c r="F22" s="29"/>
      <c r="G22" s="30" t="s">
        <v>52</v>
      </c>
      <c r="H22" s="30" t="s">
        <v>53</v>
      </c>
      <c r="I22" s="30" t="s">
        <v>54</v>
      </c>
      <c r="J22" s="31" t="s">
        <v>55</v>
      </c>
      <c r="K22" s="30" t="s">
        <v>73</v>
      </c>
    </row>
    <row r="23" spans="6:11" ht="13.5" customHeight="1" x14ac:dyDescent="0.3">
      <c r="F23" s="32">
        <v>1</v>
      </c>
      <c r="G23" s="32" t="s">
        <v>59</v>
      </c>
      <c r="H23" s="32"/>
      <c r="I23" s="32"/>
      <c r="J23" s="33"/>
      <c r="K23" s="32"/>
    </row>
    <row r="24" spans="6:11" ht="13.5" customHeight="1" x14ac:dyDescent="0.3">
      <c r="F24" s="32">
        <v>2</v>
      </c>
      <c r="G24" s="32" t="s">
        <v>59</v>
      </c>
      <c r="H24" s="32"/>
      <c r="I24" s="32"/>
      <c r="J24" s="33"/>
      <c r="K24" s="32"/>
    </row>
    <row r="25" spans="6:11" ht="13.5" customHeight="1" x14ac:dyDescent="0.3">
      <c r="F25" s="77"/>
      <c r="G25" s="78"/>
      <c r="H25" s="78"/>
      <c r="I25" s="78"/>
      <c r="J25" s="78"/>
      <c r="K25" s="78"/>
    </row>
    <row r="26" spans="6:11" ht="13.5" customHeight="1" x14ac:dyDescent="0.3">
      <c r="F26" s="92" t="s">
        <v>60</v>
      </c>
      <c r="G26" s="78"/>
      <c r="H26" s="78"/>
      <c r="I26" s="78"/>
      <c r="J26" s="78"/>
      <c r="K26" s="80"/>
    </row>
    <row r="27" spans="6:11" ht="13.5" customHeight="1" x14ac:dyDescent="0.3">
      <c r="F27" s="29"/>
      <c r="G27" s="30" t="s">
        <v>52</v>
      </c>
      <c r="H27" s="30" t="s">
        <v>53</v>
      </c>
      <c r="I27" s="30" t="s">
        <v>54</v>
      </c>
      <c r="J27" s="31" t="s">
        <v>55</v>
      </c>
      <c r="K27" s="30" t="s">
        <v>73</v>
      </c>
    </row>
    <row r="28" spans="6:11" ht="13.5" customHeight="1" x14ac:dyDescent="0.3">
      <c r="F28" s="32">
        <v>1</v>
      </c>
      <c r="G28" s="32" t="s">
        <v>60</v>
      </c>
      <c r="H28" s="32"/>
      <c r="I28" s="32"/>
      <c r="J28" s="33"/>
      <c r="K28" s="32"/>
    </row>
    <row r="29" spans="6:11" ht="13.5" customHeight="1" x14ac:dyDescent="0.3">
      <c r="F29" s="32">
        <v>2</v>
      </c>
      <c r="G29" s="32" t="s">
        <v>60</v>
      </c>
      <c r="H29" s="32"/>
      <c r="I29" s="32"/>
      <c r="J29" s="33"/>
      <c r="K29" s="32"/>
    </row>
    <row r="30" spans="6:11" ht="13.5" customHeight="1" x14ac:dyDescent="0.3">
      <c r="F30" s="77"/>
      <c r="G30" s="78"/>
      <c r="H30" s="78"/>
      <c r="I30" s="78"/>
      <c r="J30" s="78"/>
      <c r="K30" s="78"/>
    </row>
    <row r="31" spans="6:11" ht="13.5" customHeight="1" x14ac:dyDescent="0.3">
      <c r="F31" s="92" t="s">
        <v>61</v>
      </c>
      <c r="G31" s="78"/>
      <c r="H31" s="78"/>
      <c r="I31" s="78"/>
      <c r="J31" s="78"/>
      <c r="K31" s="80"/>
    </row>
    <row r="32" spans="6:11" ht="13.5" customHeight="1" x14ac:dyDescent="0.3">
      <c r="F32" s="29"/>
      <c r="G32" s="30" t="s">
        <v>52</v>
      </c>
      <c r="H32" s="30" t="s">
        <v>53</v>
      </c>
      <c r="I32" s="30" t="s">
        <v>54</v>
      </c>
      <c r="J32" s="31" t="s">
        <v>55</v>
      </c>
      <c r="K32" s="30" t="s">
        <v>73</v>
      </c>
    </row>
    <row r="33" spans="6:11" ht="13.5" customHeight="1" x14ac:dyDescent="0.3">
      <c r="F33" s="32">
        <v>1</v>
      </c>
      <c r="G33" s="32" t="s">
        <v>61</v>
      </c>
      <c r="H33" s="32"/>
      <c r="I33" s="32"/>
      <c r="J33" s="33"/>
      <c r="K33" s="32"/>
    </row>
    <row r="34" spans="6:11" ht="13.5" customHeight="1" x14ac:dyDescent="0.3">
      <c r="F34" s="32">
        <v>2</v>
      </c>
      <c r="G34" s="32" t="s">
        <v>61</v>
      </c>
      <c r="H34" s="32"/>
      <c r="I34" s="32"/>
      <c r="J34" s="33"/>
      <c r="K34" s="32"/>
    </row>
    <row r="35" spans="6:11" ht="13.5" customHeight="1" x14ac:dyDescent="0.3">
      <c r="F35" s="77"/>
      <c r="G35" s="78"/>
      <c r="H35" s="78"/>
      <c r="I35" s="78"/>
      <c r="J35" s="78"/>
      <c r="K35" s="78"/>
    </row>
    <row r="36" spans="6:11" ht="13.5" customHeight="1" x14ac:dyDescent="0.3">
      <c r="F36" s="92" t="s">
        <v>62</v>
      </c>
      <c r="G36" s="78"/>
      <c r="H36" s="78"/>
      <c r="I36" s="78"/>
      <c r="J36" s="78"/>
      <c r="K36" s="80"/>
    </row>
    <row r="37" spans="6:11" ht="13.5" customHeight="1" x14ac:dyDescent="0.3">
      <c r="F37" s="29"/>
      <c r="G37" s="30" t="s">
        <v>52</v>
      </c>
      <c r="H37" s="30" t="s">
        <v>53</v>
      </c>
      <c r="I37" s="30" t="s">
        <v>54</v>
      </c>
      <c r="J37" s="31" t="s">
        <v>55</v>
      </c>
      <c r="K37" s="30" t="s">
        <v>73</v>
      </c>
    </row>
    <row r="38" spans="6:11" ht="13.5" customHeight="1" x14ac:dyDescent="0.3">
      <c r="F38" s="32">
        <v>1</v>
      </c>
      <c r="G38" s="32" t="s">
        <v>62</v>
      </c>
      <c r="H38" s="32"/>
      <c r="I38" s="32"/>
      <c r="J38" s="33"/>
      <c r="K38" s="32"/>
    </row>
    <row r="39" spans="6:11" ht="13.5" customHeight="1" x14ac:dyDescent="0.3">
      <c r="F39" s="32">
        <v>2</v>
      </c>
      <c r="G39" s="32" t="s">
        <v>62</v>
      </c>
      <c r="H39" s="32"/>
      <c r="I39" s="32"/>
      <c r="J39" s="33"/>
      <c r="K39" s="32"/>
    </row>
    <row r="40" spans="6:11" ht="13.5" customHeight="1" x14ac:dyDescent="0.3">
      <c r="F40" s="77"/>
      <c r="G40" s="78"/>
      <c r="H40" s="78"/>
      <c r="I40" s="78"/>
      <c r="J40" s="78"/>
      <c r="K40" s="78"/>
    </row>
    <row r="41" spans="6:11" ht="13.5" customHeight="1" x14ac:dyDescent="0.3">
      <c r="F41" s="92" t="s">
        <v>63</v>
      </c>
      <c r="G41" s="78"/>
      <c r="H41" s="78"/>
      <c r="I41" s="78"/>
      <c r="J41" s="78"/>
      <c r="K41" s="80"/>
    </row>
    <row r="42" spans="6:11" ht="13.5" customHeight="1" x14ac:dyDescent="0.3">
      <c r="F42" s="29"/>
      <c r="G42" s="30" t="s">
        <v>52</v>
      </c>
      <c r="H42" s="30" t="s">
        <v>53</v>
      </c>
      <c r="I42" s="30" t="s">
        <v>54</v>
      </c>
      <c r="J42" s="31" t="s">
        <v>55</v>
      </c>
      <c r="K42" s="30" t="s">
        <v>73</v>
      </c>
    </row>
    <row r="43" spans="6:11" ht="13.5" customHeight="1" x14ac:dyDescent="0.3">
      <c r="F43" s="32">
        <v>1</v>
      </c>
      <c r="G43" s="32" t="s">
        <v>63</v>
      </c>
      <c r="H43" s="32"/>
      <c r="I43" s="32"/>
      <c r="J43" s="33"/>
      <c r="K43" s="32"/>
    </row>
    <row r="44" spans="6:11" ht="13.5" customHeight="1" x14ac:dyDescent="0.3">
      <c r="F44" s="32">
        <v>2</v>
      </c>
      <c r="G44" s="32" t="s">
        <v>63</v>
      </c>
      <c r="H44" s="32"/>
      <c r="I44" s="32"/>
      <c r="J44" s="33"/>
      <c r="K44" s="32"/>
    </row>
    <row r="45" spans="6:11" ht="13.5" hidden="1" customHeight="1" x14ac:dyDescent="0.25">
      <c r="J45" s="37"/>
    </row>
    <row r="46" spans="6:11" ht="13.5" hidden="1" customHeight="1" x14ac:dyDescent="0.25">
      <c r="J46" s="37"/>
    </row>
    <row r="47" spans="6:11" ht="13.5" hidden="1" customHeight="1" x14ac:dyDescent="0.25">
      <c r="J47" s="37"/>
    </row>
    <row r="48" spans="6:11" ht="13.5" hidden="1" customHeight="1" x14ac:dyDescent="0.25">
      <c r="J48" s="37"/>
    </row>
    <row r="49" spans="10:10" ht="13.5" hidden="1" customHeight="1" x14ac:dyDescent="0.25">
      <c r="J49" s="37"/>
    </row>
    <row r="50" spans="10:10" ht="13.5" hidden="1" customHeight="1" x14ac:dyDescent="0.25">
      <c r="J50" s="37"/>
    </row>
    <row r="51" spans="10:10" ht="13.5" hidden="1" customHeight="1" x14ac:dyDescent="0.25">
      <c r="J51" s="37"/>
    </row>
    <row r="52" spans="10:10" ht="13.5" hidden="1" customHeight="1" x14ac:dyDescent="0.25">
      <c r="J52" s="37"/>
    </row>
    <row r="53" spans="10:10" ht="13.5" hidden="1" customHeight="1" x14ac:dyDescent="0.25">
      <c r="J53" s="37"/>
    </row>
    <row r="54" spans="10:10" ht="13.5" hidden="1" customHeight="1" x14ac:dyDescent="0.25">
      <c r="J54" s="37"/>
    </row>
    <row r="55" spans="10:10" ht="13.5" hidden="1" customHeight="1" x14ac:dyDescent="0.25">
      <c r="J55" s="37"/>
    </row>
    <row r="56" spans="10:10" ht="13.5" hidden="1" customHeight="1" x14ac:dyDescent="0.25">
      <c r="J56" s="37"/>
    </row>
    <row r="57" spans="10:10" ht="13.5" hidden="1" customHeight="1" x14ac:dyDescent="0.25">
      <c r="J57" s="37"/>
    </row>
    <row r="58" spans="10:10" ht="13.5" hidden="1" customHeight="1" x14ac:dyDescent="0.25">
      <c r="J58" s="37"/>
    </row>
    <row r="59" spans="10:10" ht="13.5" hidden="1" customHeight="1" x14ac:dyDescent="0.25">
      <c r="J59" s="37"/>
    </row>
    <row r="60" spans="10:10" ht="13.5" hidden="1" customHeight="1" x14ac:dyDescent="0.25">
      <c r="J60" s="37"/>
    </row>
    <row r="61" spans="10:10" ht="13.5" hidden="1" customHeight="1" x14ac:dyDescent="0.25">
      <c r="J61" s="37"/>
    </row>
    <row r="62" spans="10:10" ht="13.5" hidden="1" customHeight="1" x14ac:dyDescent="0.25">
      <c r="J62" s="37"/>
    </row>
    <row r="63" spans="10:10" ht="13.5" hidden="1" customHeight="1" x14ac:dyDescent="0.25">
      <c r="J63" s="37"/>
    </row>
    <row r="64" spans="10:10" ht="13.5" hidden="1" customHeight="1" x14ac:dyDescent="0.25">
      <c r="J64" s="37"/>
    </row>
    <row r="65" spans="10:10" ht="13.5" hidden="1" customHeight="1" x14ac:dyDescent="0.25">
      <c r="J65" s="37"/>
    </row>
    <row r="66" spans="10:10" ht="13.5" hidden="1" customHeight="1" x14ac:dyDescent="0.25">
      <c r="J66" s="37"/>
    </row>
    <row r="67" spans="10:10" ht="13.5" hidden="1" customHeight="1" x14ac:dyDescent="0.25">
      <c r="J67" s="37"/>
    </row>
    <row r="68" spans="10:10" ht="13.5" hidden="1" customHeight="1" x14ac:dyDescent="0.25">
      <c r="J68" s="37"/>
    </row>
    <row r="69" spans="10:10" ht="13.5" hidden="1" customHeight="1" x14ac:dyDescent="0.25">
      <c r="J69" s="37"/>
    </row>
    <row r="70" spans="10:10" ht="13.5" hidden="1" customHeight="1" x14ac:dyDescent="0.25">
      <c r="J70" s="37"/>
    </row>
    <row r="71" spans="10:10" ht="13.5" hidden="1" customHeight="1" x14ac:dyDescent="0.25">
      <c r="J71" s="37"/>
    </row>
    <row r="72" spans="10:10" ht="13.5" hidden="1" customHeight="1" x14ac:dyDescent="0.25">
      <c r="J72" s="37"/>
    </row>
    <row r="73" spans="10:10" ht="13.5" hidden="1" customHeight="1" x14ac:dyDescent="0.25">
      <c r="J73" s="37"/>
    </row>
    <row r="74" spans="10:10" ht="13.5" hidden="1" customHeight="1" x14ac:dyDescent="0.25">
      <c r="J74" s="37"/>
    </row>
    <row r="75" spans="10:10" ht="13.5" hidden="1" customHeight="1" x14ac:dyDescent="0.25">
      <c r="J75" s="37"/>
    </row>
    <row r="76" spans="10:10" ht="13.5" hidden="1" customHeight="1" x14ac:dyDescent="0.25">
      <c r="J76" s="37"/>
    </row>
    <row r="77" spans="10:10" ht="13.5" hidden="1" customHeight="1" x14ac:dyDescent="0.25">
      <c r="J77" s="37"/>
    </row>
    <row r="78" spans="10:10" ht="13.5" hidden="1" customHeight="1" x14ac:dyDescent="0.25">
      <c r="J78" s="37"/>
    </row>
    <row r="79" spans="10:10" ht="13.5" hidden="1" customHeight="1" x14ac:dyDescent="0.25">
      <c r="J79" s="37"/>
    </row>
    <row r="80" spans="10:10" ht="13.5" hidden="1" customHeight="1" x14ac:dyDescent="0.25">
      <c r="J80" s="37"/>
    </row>
    <row r="81" spans="10:10" ht="13.5" hidden="1" customHeight="1" x14ac:dyDescent="0.25">
      <c r="J81" s="37"/>
    </row>
    <row r="82" spans="10:10" ht="13.5" hidden="1" customHeight="1" x14ac:dyDescent="0.25">
      <c r="J82" s="37"/>
    </row>
    <row r="83" spans="10:10" ht="13.5" hidden="1" customHeight="1" x14ac:dyDescent="0.25">
      <c r="J83" s="37"/>
    </row>
    <row r="84" spans="10:10" ht="13.5" hidden="1" customHeight="1" x14ac:dyDescent="0.25">
      <c r="J84" s="37"/>
    </row>
    <row r="85" spans="10:10" ht="13.5" hidden="1" customHeight="1" x14ac:dyDescent="0.25">
      <c r="J85" s="37"/>
    </row>
    <row r="86" spans="10:10" ht="13.5" hidden="1" customHeight="1" x14ac:dyDescent="0.25">
      <c r="J86" s="37"/>
    </row>
    <row r="87" spans="10:10" ht="13.5" hidden="1" customHeight="1" x14ac:dyDescent="0.25">
      <c r="J87" s="37"/>
    </row>
    <row r="88" spans="10:10" ht="13.5" hidden="1" customHeight="1" x14ac:dyDescent="0.25">
      <c r="J88" s="37"/>
    </row>
    <row r="89" spans="10:10" ht="13.5" hidden="1" customHeight="1" x14ac:dyDescent="0.25">
      <c r="J89" s="37"/>
    </row>
    <row r="90" spans="10:10" ht="13.5" hidden="1" customHeight="1" x14ac:dyDescent="0.25">
      <c r="J90" s="37"/>
    </row>
    <row r="91" spans="10:10" ht="13.5" hidden="1" customHeight="1" x14ac:dyDescent="0.25">
      <c r="J91" s="37"/>
    </row>
    <row r="92" spans="10:10" ht="13.5" hidden="1" customHeight="1" x14ac:dyDescent="0.25">
      <c r="J92" s="37"/>
    </row>
    <row r="93" spans="10:10" ht="13.5" hidden="1" customHeight="1" x14ac:dyDescent="0.25">
      <c r="J93" s="37"/>
    </row>
    <row r="94" spans="10:10" ht="13.5" hidden="1" customHeight="1" x14ac:dyDescent="0.25">
      <c r="J94" s="37"/>
    </row>
    <row r="95" spans="10:10" ht="13.5" hidden="1" customHeight="1" x14ac:dyDescent="0.25">
      <c r="J95" s="37"/>
    </row>
    <row r="96" spans="10:10" ht="13.5" hidden="1" customHeight="1" x14ac:dyDescent="0.25">
      <c r="J96" s="37"/>
    </row>
    <row r="97" spans="10:10" ht="13.5" hidden="1" customHeight="1" x14ac:dyDescent="0.25">
      <c r="J97" s="37"/>
    </row>
    <row r="98" spans="10:10" ht="13.5" hidden="1" customHeight="1" x14ac:dyDescent="0.25">
      <c r="J98" s="37"/>
    </row>
    <row r="99" spans="10:10" ht="13.5" hidden="1" customHeight="1" x14ac:dyDescent="0.25">
      <c r="J99" s="37"/>
    </row>
    <row r="100" spans="10:10" ht="13.5" hidden="1" customHeight="1" x14ac:dyDescent="0.25">
      <c r="J100" s="37"/>
    </row>
    <row r="101" spans="10:10" ht="13.5" hidden="1" customHeight="1" x14ac:dyDescent="0.25">
      <c r="J101" s="37"/>
    </row>
    <row r="102" spans="10:10" ht="13.5" hidden="1" customHeight="1" x14ac:dyDescent="0.25">
      <c r="J102" s="37"/>
    </row>
    <row r="103" spans="10:10" ht="13.5" hidden="1" customHeight="1" x14ac:dyDescent="0.25">
      <c r="J103" s="37"/>
    </row>
    <row r="104" spans="10:10" ht="13.5" hidden="1" customHeight="1" x14ac:dyDescent="0.25">
      <c r="J104" s="37"/>
    </row>
    <row r="105" spans="10:10" ht="13.5" hidden="1" customHeight="1" x14ac:dyDescent="0.25">
      <c r="J105" s="37"/>
    </row>
    <row r="106" spans="10:10" ht="13.5" hidden="1" customHeight="1" x14ac:dyDescent="0.25">
      <c r="J106" s="37"/>
    </row>
    <row r="107" spans="10:10" ht="13.5" hidden="1" customHeight="1" x14ac:dyDescent="0.25">
      <c r="J107" s="37"/>
    </row>
    <row r="108" spans="10:10" ht="13.5" hidden="1" customHeight="1" x14ac:dyDescent="0.25">
      <c r="J108" s="37"/>
    </row>
    <row r="109" spans="10:10" ht="13.5" hidden="1" customHeight="1" x14ac:dyDescent="0.25">
      <c r="J109" s="37"/>
    </row>
    <row r="110" spans="10:10" ht="13.5" hidden="1" customHeight="1" x14ac:dyDescent="0.25">
      <c r="J110" s="37"/>
    </row>
    <row r="111" spans="10:10" ht="13.5" hidden="1" customHeight="1" x14ac:dyDescent="0.25">
      <c r="J111" s="37"/>
    </row>
    <row r="112" spans="10:10" ht="13.5" hidden="1" customHeight="1" x14ac:dyDescent="0.25">
      <c r="J112" s="37"/>
    </row>
    <row r="113" spans="10:10" ht="13.5" hidden="1" customHeight="1" x14ac:dyDescent="0.25">
      <c r="J113" s="37"/>
    </row>
    <row r="114" spans="10:10" ht="13.5" hidden="1" customHeight="1" x14ac:dyDescent="0.25">
      <c r="J114" s="37"/>
    </row>
    <row r="115" spans="10:10" ht="13.5" hidden="1" customHeight="1" x14ac:dyDescent="0.25">
      <c r="J115" s="37"/>
    </row>
    <row r="116" spans="10:10" ht="13.5" hidden="1" customHeight="1" x14ac:dyDescent="0.25">
      <c r="J116" s="37"/>
    </row>
    <row r="117" spans="10:10" ht="13.5" hidden="1" customHeight="1" x14ac:dyDescent="0.25">
      <c r="J117" s="37"/>
    </row>
    <row r="118" spans="10:10" ht="13.5" hidden="1" customHeight="1" x14ac:dyDescent="0.25">
      <c r="J118" s="37"/>
    </row>
    <row r="119" spans="10:10" ht="13.5" hidden="1" customHeight="1" x14ac:dyDescent="0.25">
      <c r="J119" s="37"/>
    </row>
    <row r="120" spans="10:10" ht="13.5" hidden="1" customHeight="1" x14ac:dyDescent="0.25">
      <c r="J120" s="37"/>
    </row>
    <row r="121" spans="10:10" ht="13.5" hidden="1" customHeight="1" x14ac:dyDescent="0.25">
      <c r="J121" s="37"/>
    </row>
    <row r="122" spans="10:10" ht="13.5" hidden="1" customHeight="1" x14ac:dyDescent="0.25">
      <c r="J122" s="37"/>
    </row>
    <row r="123" spans="10:10" ht="13.5" hidden="1" customHeight="1" x14ac:dyDescent="0.25">
      <c r="J123" s="37"/>
    </row>
    <row r="124" spans="10:10" ht="13.5" hidden="1" customHeight="1" x14ac:dyDescent="0.25">
      <c r="J124" s="37"/>
    </row>
    <row r="125" spans="10:10" ht="13.5" hidden="1" customHeight="1" x14ac:dyDescent="0.25">
      <c r="J125" s="37"/>
    </row>
    <row r="126" spans="10:10" ht="13.5" hidden="1" customHeight="1" x14ac:dyDescent="0.25">
      <c r="J126" s="37"/>
    </row>
    <row r="127" spans="10:10" ht="13.5" hidden="1" customHeight="1" x14ac:dyDescent="0.25">
      <c r="J127" s="37"/>
    </row>
    <row r="128" spans="10:10" ht="13.5" hidden="1" customHeight="1" x14ac:dyDescent="0.25">
      <c r="J128" s="37"/>
    </row>
    <row r="129" spans="10:10" ht="13.5" hidden="1" customHeight="1" x14ac:dyDescent="0.25">
      <c r="J129" s="37"/>
    </row>
    <row r="130" spans="10:10" ht="13.5" hidden="1" customHeight="1" x14ac:dyDescent="0.25">
      <c r="J130" s="37"/>
    </row>
    <row r="131" spans="10:10" ht="13.5" hidden="1" customHeight="1" x14ac:dyDescent="0.25">
      <c r="J131" s="37"/>
    </row>
    <row r="132" spans="10:10" ht="13.5" hidden="1" customHeight="1" x14ac:dyDescent="0.25">
      <c r="J132" s="37"/>
    </row>
    <row r="133" spans="10:10" ht="13.5" hidden="1" customHeight="1" x14ac:dyDescent="0.25">
      <c r="J133" s="37"/>
    </row>
    <row r="134" spans="10:10" ht="13.5" hidden="1" customHeight="1" x14ac:dyDescent="0.25">
      <c r="J134" s="37"/>
    </row>
    <row r="135" spans="10:10" ht="13.5" hidden="1" customHeight="1" x14ac:dyDescent="0.25">
      <c r="J135" s="37"/>
    </row>
    <row r="136" spans="10:10" ht="13.5" hidden="1" customHeight="1" x14ac:dyDescent="0.25">
      <c r="J136" s="37"/>
    </row>
    <row r="137" spans="10:10" ht="13.5" hidden="1" customHeight="1" x14ac:dyDescent="0.25">
      <c r="J137" s="37"/>
    </row>
    <row r="138" spans="10:10" ht="13.5" hidden="1" customHeight="1" x14ac:dyDescent="0.25">
      <c r="J138" s="37"/>
    </row>
    <row r="139" spans="10:10" ht="13.5" hidden="1" customHeight="1" x14ac:dyDescent="0.25">
      <c r="J139" s="37"/>
    </row>
    <row r="140" spans="10:10" ht="13.5" hidden="1" customHeight="1" x14ac:dyDescent="0.25">
      <c r="J140" s="37"/>
    </row>
    <row r="141" spans="10:10" ht="13.5" hidden="1" customHeight="1" x14ac:dyDescent="0.25">
      <c r="J141" s="37"/>
    </row>
    <row r="142" spans="10:10" ht="13.5" hidden="1" customHeight="1" x14ac:dyDescent="0.25">
      <c r="J142" s="37"/>
    </row>
    <row r="143" spans="10:10" ht="13.5" hidden="1" customHeight="1" x14ac:dyDescent="0.25">
      <c r="J143" s="37"/>
    </row>
    <row r="144" spans="10:10" ht="13.5" hidden="1" customHeight="1" x14ac:dyDescent="0.25">
      <c r="J144" s="37"/>
    </row>
    <row r="145" spans="10:10" ht="13.5" hidden="1" customHeight="1" x14ac:dyDescent="0.25">
      <c r="J145" s="37"/>
    </row>
    <row r="146" spans="10:10" ht="13.5" hidden="1" customHeight="1" x14ac:dyDescent="0.25">
      <c r="J146" s="37"/>
    </row>
    <row r="147" spans="10:10" ht="13.5" hidden="1" customHeight="1" x14ac:dyDescent="0.25">
      <c r="J147" s="37"/>
    </row>
    <row r="148" spans="10:10" ht="13.5" hidden="1" customHeight="1" x14ac:dyDescent="0.25">
      <c r="J148" s="37"/>
    </row>
    <row r="149" spans="10:10" ht="13.5" hidden="1" customHeight="1" x14ac:dyDescent="0.25">
      <c r="J149" s="37"/>
    </row>
    <row r="150" spans="10:10" ht="13.5" hidden="1" customHeight="1" x14ac:dyDescent="0.25">
      <c r="J150" s="37"/>
    </row>
    <row r="151" spans="10:10" ht="13.5" hidden="1" customHeight="1" x14ac:dyDescent="0.25">
      <c r="J151" s="37"/>
    </row>
    <row r="152" spans="10:10" ht="13.5" hidden="1" customHeight="1" x14ac:dyDescent="0.25">
      <c r="J152" s="37"/>
    </row>
    <row r="153" spans="10:10" ht="13.5" hidden="1" customHeight="1" x14ac:dyDescent="0.25">
      <c r="J153" s="37"/>
    </row>
    <row r="154" spans="10:10" ht="13.5" hidden="1" customHeight="1" x14ac:dyDescent="0.25">
      <c r="J154" s="37"/>
    </row>
    <row r="155" spans="10:10" ht="13.5" hidden="1" customHeight="1" x14ac:dyDescent="0.25">
      <c r="J155" s="37"/>
    </row>
    <row r="156" spans="10:10" ht="13.5" hidden="1" customHeight="1" x14ac:dyDescent="0.25">
      <c r="J156" s="37"/>
    </row>
    <row r="157" spans="10:10" ht="13.5" hidden="1" customHeight="1" x14ac:dyDescent="0.25">
      <c r="J157" s="37"/>
    </row>
    <row r="158" spans="10:10" ht="13.5" hidden="1" customHeight="1" x14ac:dyDescent="0.25">
      <c r="J158" s="37"/>
    </row>
    <row r="159" spans="10:10" ht="13.5" hidden="1" customHeight="1" x14ac:dyDescent="0.25">
      <c r="J159" s="37"/>
    </row>
    <row r="160" spans="10:10" ht="13.5" hidden="1" customHeight="1" x14ac:dyDescent="0.25">
      <c r="J160" s="37"/>
    </row>
    <row r="161" spans="10:10" ht="13.5" hidden="1" customHeight="1" x14ac:dyDescent="0.25">
      <c r="J161" s="37"/>
    </row>
    <row r="162" spans="10:10" ht="13.5" hidden="1" customHeight="1" x14ac:dyDescent="0.25">
      <c r="J162" s="37"/>
    </row>
    <row r="163" spans="10:10" ht="13.5" hidden="1" customHeight="1" x14ac:dyDescent="0.25">
      <c r="J163" s="37"/>
    </row>
    <row r="164" spans="10:10" ht="13.5" hidden="1" customHeight="1" x14ac:dyDescent="0.25">
      <c r="J164" s="37"/>
    </row>
    <row r="165" spans="10:10" ht="13.5" hidden="1" customHeight="1" x14ac:dyDescent="0.25">
      <c r="J165" s="37"/>
    </row>
    <row r="166" spans="10:10" ht="13.5" hidden="1" customHeight="1" x14ac:dyDescent="0.25">
      <c r="J166" s="37"/>
    </row>
    <row r="167" spans="10:10" ht="13.5" hidden="1" customHeight="1" x14ac:dyDescent="0.25">
      <c r="J167" s="37"/>
    </row>
    <row r="168" spans="10:10" ht="13.5" hidden="1" customHeight="1" x14ac:dyDescent="0.25">
      <c r="J168" s="37"/>
    </row>
    <row r="169" spans="10:10" ht="13.5" hidden="1" customHeight="1" x14ac:dyDescent="0.25">
      <c r="J169" s="37"/>
    </row>
    <row r="170" spans="10:10" ht="13.5" hidden="1" customHeight="1" x14ac:dyDescent="0.25">
      <c r="J170" s="37"/>
    </row>
    <row r="171" spans="10:10" ht="13.5" hidden="1" customHeight="1" x14ac:dyDescent="0.25">
      <c r="J171" s="37"/>
    </row>
    <row r="172" spans="10:10" ht="13.5" hidden="1" customHeight="1" x14ac:dyDescent="0.25">
      <c r="J172" s="37"/>
    </row>
    <row r="173" spans="10:10" ht="13.5" hidden="1" customHeight="1" x14ac:dyDescent="0.25">
      <c r="J173" s="37"/>
    </row>
    <row r="174" spans="10:10" ht="13.5" hidden="1" customHeight="1" x14ac:dyDescent="0.25">
      <c r="J174" s="37"/>
    </row>
    <row r="175" spans="10:10" ht="13.5" hidden="1" customHeight="1" x14ac:dyDescent="0.25">
      <c r="J175" s="37"/>
    </row>
    <row r="176" spans="10:10" ht="13.5" hidden="1" customHeight="1" x14ac:dyDescent="0.25">
      <c r="J176" s="37"/>
    </row>
    <row r="177" spans="10:10" ht="13.5" hidden="1" customHeight="1" x14ac:dyDescent="0.25">
      <c r="J177" s="37"/>
    </row>
    <row r="178" spans="10:10" ht="13.5" hidden="1" customHeight="1" x14ac:dyDescent="0.25">
      <c r="J178" s="37"/>
    </row>
    <row r="179" spans="10:10" ht="13.5" hidden="1" customHeight="1" x14ac:dyDescent="0.25">
      <c r="J179" s="37"/>
    </row>
    <row r="180" spans="10:10" ht="13.5" hidden="1" customHeight="1" x14ac:dyDescent="0.25">
      <c r="J180" s="37"/>
    </row>
    <row r="181" spans="10:10" ht="13.5" hidden="1" customHeight="1" x14ac:dyDescent="0.25">
      <c r="J181" s="37"/>
    </row>
    <row r="182" spans="10:10" ht="13.5" hidden="1" customHeight="1" x14ac:dyDescent="0.25">
      <c r="J182" s="37"/>
    </row>
    <row r="183" spans="10:10" ht="13.5" hidden="1" customHeight="1" x14ac:dyDescent="0.25">
      <c r="J183" s="37"/>
    </row>
    <row r="184" spans="10:10" ht="13.5" hidden="1" customHeight="1" x14ac:dyDescent="0.25">
      <c r="J184" s="37"/>
    </row>
    <row r="185" spans="10:10" ht="13.5" hidden="1" customHeight="1" x14ac:dyDescent="0.25">
      <c r="J185" s="37"/>
    </row>
    <row r="186" spans="10:10" ht="13.5" hidden="1" customHeight="1" x14ac:dyDescent="0.25">
      <c r="J186" s="37"/>
    </row>
    <row r="187" spans="10:10" ht="13.5" hidden="1" customHeight="1" x14ac:dyDescent="0.25">
      <c r="J187" s="37"/>
    </row>
    <row r="188" spans="10:10" ht="13.5" hidden="1" customHeight="1" x14ac:dyDescent="0.25">
      <c r="J188" s="37"/>
    </row>
    <row r="189" spans="10:10" ht="13.5" hidden="1" customHeight="1" x14ac:dyDescent="0.25">
      <c r="J189" s="37"/>
    </row>
    <row r="190" spans="10:10" ht="13.5" hidden="1" customHeight="1" x14ac:dyDescent="0.25">
      <c r="J190" s="37"/>
    </row>
    <row r="191" spans="10:10" ht="13.5" hidden="1" customHeight="1" x14ac:dyDescent="0.25">
      <c r="J191" s="37"/>
    </row>
    <row r="192" spans="10:10" ht="13.5" hidden="1" customHeight="1" x14ac:dyDescent="0.25">
      <c r="J192" s="37"/>
    </row>
    <row r="193" spans="10:10" ht="13.5" hidden="1" customHeight="1" x14ac:dyDescent="0.25">
      <c r="J193" s="37"/>
    </row>
    <row r="194" spans="10:10" ht="13.5" hidden="1" customHeight="1" x14ac:dyDescent="0.25">
      <c r="J194" s="37"/>
    </row>
    <row r="195" spans="10:10" ht="13.5" hidden="1" customHeight="1" x14ac:dyDescent="0.25">
      <c r="J195" s="37"/>
    </row>
    <row r="196" spans="10:10" ht="13.5" hidden="1" customHeight="1" x14ac:dyDescent="0.25">
      <c r="J196" s="37"/>
    </row>
    <row r="197" spans="10:10" ht="13.5" hidden="1" customHeight="1" x14ac:dyDescent="0.25">
      <c r="J197" s="37"/>
    </row>
    <row r="198" spans="10:10" ht="13.5" hidden="1" customHeight="1" x14ac:dyDescent="0.25">
      <c r="J198" s="37"/>
    </row>
    <row r="199" spans="10:10" ht="13.5" hidden="1" customHeight="1" x14ac:dyDescent="0.25">
      <c r="J199" s="37"/>
    </row>
    <row r="200" spans="10:10" ht="13.5" hidden="1" customHeight="1" x14ac:dyDescent="0.25">
      <c r="J200" s="37"/>
    </row>
    <row r="201" spans="10:10" ht="13.5" hidden="1" customHeight="1" x14ac:dyDescent="0.25">
      <c r="J201" s="37"/>
    </row>
    <row r="202" spans="10:10" ht="13.5" hidden="1" customHeight="1" x14ac:dyDescent="0.25">
      <c r="J202" s="37"/>
    </row>
    <row r="203" spans="10:10" ht="13.5" hidden="1" customHeight="1" x14ac:dyDescent="0.25">
      <c r="J203" s="37"/>
    </row>
    <row r="204" spans="10:10" ht="13.5" hidden="1" customHeight="1" x14ac:dyDescent="0.25">
      <c r="J204" s="37"/>
    </row>
    <row r="205" spans="10:10" ht="13.5" hidden="1" customHeight="1" x14ac:dyDescent="0.25">
      <c r="J205" s="37"/>
    </row>
    <row r="206" spans="10:10" ht="13.5" hidden="1" customHeight="1" x14ac:dyDescent="0.25">
      <c r="J206" s="37"/>
    </row>
    <row r="207" spans="10:10" ht="13.5" hidden="1" customHeight="1" x14ac:dyDescent="0.25">
      <c r="J207" s="37"/>
    </row>
    <row r="208" spans="10:10" ht="13.5" hidden="1" customHeight="1" x14ac:dyDescent="0.25">
      <c r="J208" s="37"/>
    </row>
    <row r="209" spans="10:10" ht="13.5" hidden="1" customHeight="1" x14ac:dyDescent="0.25">
      <c r="J209" s="37"/>
    </row>
    <row r="210" spans="10:10" ht="13.5" hidden="1" customHeight="1" x14ac:dyDescent="0.25">
      <c r="J210" s="37"/>
    </row>
    <row r="211" spans="10:10" ht="13.5" hidden="1" customHeight="1" x14ac:dyDescent="0.25">
      <c r="J211" s="37"/>
    </row>
    <row r="212" spans="10:10" ht="13.5" hidden="1" customHeight="1" x14ac:dyDescent="0.25">
      <c r="J212" s="37"/>
    </row>
    <row r="213" spans="10:10" ht="13.5" hidden="1" customHeight="1" x14ac:dyDescent="0.25">
      <c r="J213" s="37"/>
    </row>
    <row r="214" spans="10:10" ht="13.5" hidden="1" customHeight="1" x14ac:dyDescent="0.25">
      <c r="J214" s="37"/>
    </row>
    <row r="215" spans="10:10" ht="13.5" hidden="1" customHeight="1" x14ac:dyDescent="0.25">
      <c r="J215" s="37"/>
    </row>
    <row r="216" spans="10:10" ht="13.5" hidden="1" customHeight="1" x14ac:dyDescent="0.25">
      <c r="J216" s="37"/>
    </row>
    <row r="217" spans="10:10" ht="13.5" hidden="1" customHeight="1" x14ac:dyDescent="0.25">
      <c r="J217" s="37"/>
    </row>
    <row r="218" spans="10:10" ht="13.5" hidden="1" customHeight="1" x14ac:dyDescent="0.25">
      <c r="J218" s="37"/>
    </row>
    <row r="219" spans="10:10" ht="13.5" hidden="1" customHeight="1" x14ac:dyDescent="0.25">
      <c r="J219" s="37"/>
    </row>
    <row r="220" spans="10:10" ht="13.5" hidden="1" customHeight="1" x14ac:dyDescent="0.25">
      <c r="J220" s="37"/>
    </row>
    <row r="221" spans="10:10" ht="13.5" hidden="1" customHeight="1" x14ac:dyDescent="0.25">
      <c r="J221" s="37"/>
    </row>
    <row r="222" spans="10:10" ht="13.5" hidden="1" customHeight="1" x14ac:dyDescent="0.25">
      <c r="J222" s="37"/>
    </row>
    <row r="223" spans="10:10" ht="13.5" hidden="1" customHeight="1" x14ac:dyDescent="0.25">
      <c r="J223" s="37"/>
    </row>
    <row r="224" spans="10:10" ht="13.5" hidden="1" customHeight="1" x14ac:dyDescent="0.25">
      <c r="J224" s="37"/>
    </row>
    <row r="225" spans="10:10" ht="13.5" hidden="1" customHeight="1" x14ac:dyDescent="0.25">
      <c r="J225" s="37"/>
    </row>
    <row r="226" spans="10:10" ht="13.5" hidden="1" customHeight="1" x14ac:dyDescent="0.25">
      <c r="J226" s="37"/>
    </row>
    <row r="227" spans="10:10" ht="13.5" hidden="1" customHeight="1" x14ac:dyDescent="0.25">
      <c r="J227" s="37"/>
    </row>
    <row r="228" spans="10:10" ht="13.5" hidden="1" customHeight="1" x14ac:dyDescent="0.25">
      <c r="J228" s="37"/>
    </row>
    <row r="229" spans="10:10" ht="13.5" hidden="1" customHeight="1" x14ac:dyDescent="0.25">
      <c r="J229" s="37"/>
    </row>
    <row r="230" spans="10:10" ht="13.5" hidden="1" customHeight="1" x14ac:dyDescent="0.25">
      <c r="J230" s="37"/>
    </row>
    <row r="231" spans="10:10" ht="13.5" hidden="1" customHeight="1" x14ac:dyDescent="0.25">
      <c r="J231" s="37"/>
    </row>
    <row r="232" spans="10:10" ht="13.5" hidden="1" customHeight="1" x14ac:dyDescent="0.25">
      <c r="J232" s="37"/>
    </row>
    <row r="233" spans="10:10" ht="13.5" hidden="1" customHeight="1" x14ac:dyDescent="0.25">
      <c r="J233" s="37"/>
    </row>
    <row r="234" spans="10:10" ht="13.5" hidden="1" customHeight="1" x14ac:dyDescent="0.25">
      <c r="J234" s="37"/>
    </row>
    <row r="235" spans="10:10" ht="13.5" hidden="1" customHeight="1" x14ac:dyDescent="0.25">
      <c r="J235" s="37"/>
    </row>
    <row r="236" spans="10:10" ht="13.5" hidden="1" customHeight="1" x14ac:dyDescent="0.25">
      <c r="J236" s="37"/>
    </row>
    <row r="237" spans="10:10" ht="13.5" hidden="1" customHeight="1" x14ac:dyDescent="0.25">
      <c r="J237" s="37"/>
    </row>
    <row r="238" spans="10:10" ht="13.5" hidden="1" customHeight="1" x14ac:dyDescent="0.25">
      <c r="J238" s="37"/>
    </row>
    <row r="239" spans="10:10" ht="13.5" hidden="1" customHeight="1" x14ac:dyDescent="0.25">
      <c r="J239" s="37"/>
    </row>
    <row r="240" spans="10:10" ht="13.5" hidden="1" customHeight="1" x14ac:dyDescent="0.25">
      <c r="J240" s="37"/>
    </row>
    <row r="241" spans="10:10" ht="13.5" hidden="1" customHeight="1" x14ac:dyDescent="0.25">
      <c r="J241" s="37"/>
    </row>
    <row r="242" spans="10:10" ht="13.5" hidden="1" customHeight="1" x14ac:dyDescent="0.25">
      <c r="J242" s="37"/>
    </row>
    <row r="243" spans="10:10" ht="13.5" hidden="1" customHeight="1" x14ac:dyDescent="0.25">
      <c r="J243" s="37"/>
    </row>
    <row r="244" spans="10:10" ht="13.5" hidden="1" customHeight="1" x14ac:dyDescent="0.25">
      <c r="J244" s="37"/>
    </row>
    <row r="245" spans="10:10" ht="13.5" hidden="1" customHeight="1" x14ac:dyDescent="0.25">
      <c r="J245" s="37"/>
    </row>
    <row r="246" spans="10:10" ht="13.5" hidden="1" customHeight="1" x14ac:dyDescent="0.25">
      <c r="J246" s="37"/>
    </row>
    <row r="247" spans="10:10" ht="13.5" hidden="1" customHeight="1" x14ac:dyDescent="0.25">
      <c r="J247" s="37"/>
    </row>
    <row r="248" spans="10:10" ht="13.5" hidden="1" customHeight="1" x14ac:dyDescent="0.25">
      <c r="J248" s="37"/>
    </row>
    <row r="249" spans="10:10" ht="13.5" hidden="1" customHeight="1" x14ac:dyDescent="0.25">
      <c r="J249" s="37"/>
    </row>
    <row r="250" spans="10:10" ht="13.5" hidden="1" customHeight="1" x14ac:dyDescent="0.25">
      <c r="J250" s="37"/>
    </row>
    <row r="251" spans="10:10" ht="13.5" hidden="1" customHeight="1" x14ac:dyDescent="0.25">
      <c r="J251" s="37"/>
    </row>
    <row r="252" spans="10:10" ht="13.5" hidden="1" customHeight="1" x14ac:dyDescent="0.25">
      <c r="J252" s="37"/>
    </row>
    <row r="253" spans="10:10" ht="13.5" hidden="1" customHeight="1" x14ac:dyDescent="0.25">
      <c r="J253" s="37"/>
    </row>
    <row r="254" spans="10:10" ht="13.5" hidden="1" customHeight="1" x14ac:dyDescent="0.25">
      <c r="J254" s="37"/>
    </row>
    <row r="255" spans="10:10" ht="13.5" hidden="1" customHeight="1" x14ac:dyDescent="0.25">
      <c r="J255" s="37"/>
    </row>
    <row r="256" spans="10:10" ht="13.5" hidden="1" customHeight="1" x14ac:dyDescent="0.25">
      <c r="J256" s="37"/>
    </row>
    <row r="257" spans="10:10" ht="13.5" hidden="1" customHeight="1" x14ac:dyDescent="0.25">
      <c r="J257" s="37"/>
    </row>
    <row r="258" spans="10:10" ht="13.5" hidden="1" customHeight="1" x14ac:dyDescent="0.25">
      <c r="J258" s="37"/>
    </row>
    <row r="259" spans="10:10" ht="13.5" hidden="1" customHeight="1" x14ac:dyDescent="0.25">
      <c r="J259" s="37"/>
    </row>
    <row r="260" spans="10:10" ht="13.5" hidden="1" customHeight="1" x14ac:dyDescent="0.25">
      <c r="J260" s="37"/>
    </row>
    <row r="261" spans="10:10" ht="13.5" hidden="1" customHeight="1" x14ac:dyDescent="0.25">
      <c r="J261" s="37"/>
    </row>
    <row r="262" spans="10:10" ht="13.5" hidden="1" customHeight="1" x14ac:dyDescent="0.25">
      <c r="J262" s="37"/>
    </row>
    <row r="263" spans="10:10" ht="13.5" hidden="1" customHeight="1" x14ac:dyDescent="0.25">
      <c r="J263" s="37"/>
    </row>
    <row r="264" spans="10:10" ht="13.5" hidden="1" customHeight="1" x14ac:dyDescent="0.25">
      <c r="J264" s="37"/>
    </row>
    <row r="265" spans="10:10" ht="13.5" hidden="1" customHeight="1" x14ac:dyDescent="0.25">
      <c r="J265" s="37"/>
    </row>
    <row r="266" spans="10:10" ht="13.5" hidden="1" customHeight="1" x14ac:dyDescent="0.25">
      <c r="J266" s="37"/>
    </row>
    <row r="267" spans="10:10" ht="13.5" hidden="1" customHeight="1" x14ac:dyDescent="0.25">
      <c r="J267" s="37"/>
    </row>
    <row r="268" spans="10:10" ht="13.5" hidden="1" customHeight="1" x14ac:dyDescent="0.25">
      <c r="J268" s="37"/>
    </row>
    <row r="269" spans="10:10" ht="13.5" hidden="1" customHeight="1" x14ac:dyDescent="0.25">
      <c r="J269" s="37"/>
    </row>
    <row r="270" spans="10:10" ht="13.5" hidden="1" customHeight="1" x14ac:dyDescent="0.25">
      <c r="J270" s="37"/>
    </row>
    <row r="271" spans="10:10" ht="13.5" hidden="1" customHeight="1" x14ac:dyDescent="0.25">
      <c r="J271" s="37"/>
    </row>
    <row r="272" spans="10:10" ht="13.5" hidden="1" customHeight="1" x14ac:dyDescent="0.25">
      <c r="J272" s="37"/>
    </row>
    <row r="273" spans="10:10" ht="13.5" hidden="1" customHeight="1" x14ac:dyDescent="0.25">
      <c r="J273" s="37"/>
    </row>
    <row r="274" spans="10:10" ht="13.5" hidden="1" customHeight="1" x14ac:dyDescent="0.25">
      <c r="J274" s="37"/>
    </row>
    <row r="275" spans="10:10" ht="13.5" hidden="1" customHeight="1" x14ac:dyDescent="0.25">
      <c r="J275" s="37"/>
    </row>
    <row r="276" spans="10:10" ht="13.5" hidden="1" customHeight="1" x14ac:dyDescent="0.25">
      <c r="J276" s="37"/>
    </row>
    <row r="277" spans="10:10" ht="13.5" hidden="1" customHeight="1" x14ac:dyDescent="0.25">
      <c r="J277" s="37"/>
    </row>
    <row r="278" spans="10:10" ht="13.5" hidden="1" customHeight="1" x14ac:dyDescent="0.25">
      <c r="J278" s="37"/>
    </row>
    <row r="279" spans="10:10" ht="13.5" hidden="1" customHeight="1" x14ac:dyDescent="0.25">
      <c r="J279" s="37"/>
    </row>
    <row r="280" spans="10:10" ht="13.5" hidden="1" customHeight="1" x14ac:dyDescent="0.25">
      <c r="J280" s="37"/>
    </row>
    <row r="281" spans="10:10" ht="13.5" hidden="1" customHeight="1" x14ac:dyDescent="0.25">
      <c r="J281" s="37"/>
    </row>
    <row r="282" spans="10:10" ht="13.5" hidden="1" customHeight="1" x14ac:dyDescent="0.25">
      <c r="J282" s="37"/>
    </row>
    <row r="283" spans="10:10" ht="13.5" hidden="1" customHeight="1" x14ac:dyDescent="0.25">
      <c r="J283" s="37"/>
    </row>
    <row r="284" spans="10:10" ht="13.5" hidden="1" customHeight="1" x14ac:dyDescent="0.25">
      <c r="J284" s="37"/>
    </row>
    <row r="285" spans="10:10" ht="13.5" hidden="1" customHeight="1" x14ac:dyDescent="0.25">
      <c r="J285" s="37"/>
    </row>
    <row r="286" spans="10:10" ht="13.5" hidden="1" customHeight="1" x14ac:dyDescent="0.25">
      <c r="J286" s="37"/>
    </row>
    <row r="287" spans="10:10" ht="13.5" hidden="1" customHeight="1" x14ac:dyDescent="0.25">
      <c r="J287" s="37"/>
    </row>
    <row r="288" spans="10:10" ht="13.5" hidden="1" customHeight="1" x14ac:dyDescent="0.25">
      <c r="J288" s="37"/>
    </row>
    <row r="289" spans="10:10" ht="13.5" hidden="1" customHeight="1" x14ac:dyDescent="0.25">
      <c r="J289" s="37"/>
    </row>
    <row r="290" spans="10:10" ht="13.5" hidden="1" customHeight="1" x14ac:dyDescent="0.25">
      <c r="J290" s="37"/>
    </row>
    <row r="291" spans="10:10" ht="13.5" hidden="1" customHeight="1" x14ac:dyDescent="0.25">
      <c r="J291" s="37"/>
    </row>
    <row r="292" spans="10:10" ht="13.5" hidden="1" customHeight="1" x14ac:dyDescent="0.25">
      <c r="J292" s="37"/>
    </row>
    <row r="293" spans="10:10" ht="13.5" hidden="1" customHeight="1" x14ac:dyDescent="0.25">
      <c r="J293" s="37"/>
    </row>
    <row r="294" spans="10:10" ht="13.5" hidden="1" customHeight="1" x14ac:dyDescent="0.25">
      <c r="J294" s="37"/>
    </row>
    <row r="295" spans="10:10" ht="13.5" hidden="1" customHeight="1" x14ac:dyDescent="0.25">
      <c r="J295" s="37"/>
    </row>
    <row r="296" spans="10:10" ht="13.5" hidden="1" customHeight="1" x14ac:dyDescent="0.25">
      <c r="J296" s="37"/>
    </row>
    <row r="297" spans="10:10" ht="13.5" hidden="1" customHeight="1" x14ac:dyDescent="0.25">
      <c r="J297" s="37"/>
    </row>
    <row r="298" spans="10:10" ht="13.5" hidden="1" customHeight="1" x14ac:dyDescent="0.25">
      <c r="J298" s="37"/>
    </row>
    <row r="299" spans="10:10" ht="13.5" hidden="1" customHeight="1" x14ac:dyDescent="0.25">
      <c r="J299" s="37"/>
    </row>
    <row r="300" spans="10:10" ht="13.5" hidden="1" customHeight="1" x14ac:dyDescent="0.25">
      <c r="J300" s="37"/>
    </row>
    <row r="301" spans="10:10" ht="13.5" hidden="1" customHeight="1" x14ac:dyDescent="0.25">
      <c r="J301" s="37"/>
    </row>
    <row r="302" spans="10:10" ht="13.5" hidden="1" customHeight="1" x14ac:dyDescent="0.25">
      <c r="J302" s="37"/>
    </row>
    <row r="303" spans="10:10" ht="13.5" hidden="1" customHeight="1" x14ac:dyDescent="0.25">
      <c r="J303" s="37"/>
    </row>
    <row r="304" spans="10:10" ht="13.5" hidden="1" customHeight="1" x14ac:dyDescent="0.25">
      <c r="J304" s="37"/>
    </row>
    <row r="305" spans="10:10" ht="13.5" hidden="1" customHeight="1" x14ac:dyDescent="0.25">
      <c r="J305" s="37"/>
    </row>
    <row r="306" spans="10:10" ht="13.5" hidden="1" customHeight="1" x14ac:dyDescent="0.25">
      <c r="J306" s="37"/>
    </row>
    <row r="307" spans="10:10" ht="13.5" hidden="1" customHeight="1" x14ac:dyDescent="0.25">
      <c r="J307" s="37"/>
    </row>
    <row r="308" spans="10:10" ht="13.5" hidden="1" customHeight="1" x14ac:dyDescent="0.25">
      <c r="J308" s="37"/>
    </row>
    <row r="309" spans="10:10" ht="13.5" hidden="1" customHeight="1" x14ac:dyDescent="0.25">
      <c r="J309" s="37"/>
    </row>
    <row r="310" spans="10:10" ht="13.5" hidden="1" customHeight="1" x14ac:dyDescent="0.25">
      <c r="J310" s="37"/>
    </row>
    <row r="311" spans="10:10" ht="13.5" hidden="1" customHeight="1" x14ac:dyDescent="0.25">
      <c r="J311" s="37"/>
    </row>
    <row r="312" spans="10:10" ht="13.5" hidden="1" customHeight="1" x14ac:dyDescent="0.25">
      <c r="J312" s="37"/>
    </row>
    <row r="313" spans="10:10" ht="13.5" hidden="1" customHeight="1" x14ac:dyDescent="0.25">
      <c r="J313" s="37"/>
    </row>
    <row r="314" spans="10:10" ht="13.5" hidden="1" customHeight="1" x14ac:dyDescent="0.25">
      <c r="J314" s="37"/>
    </row>
    <row r="315" spans="10:10" ht="13.5" hidden="1" customHeight="1" x14ac:dyDescent="0.25">
      <c r="J315" s="37"/>
    </row>
    <row r="316" spans="10:10" ht="13.5" hidden="1" customHeight="1" x14ac:dyDescent="0.25">
      <c r="J316" s="37"/>
    </row>
    <row r="317" spans="10:10" ht="13.5" hidden="1" customHeight="1" x14ac:dyDescent="0.25">
      <c r="J317" s="37"/>
    </row>
    <row r="318" spans="10:10" ht="13.5" hidden="1" customHeight="1" x14ac:dyDescent="0.25">
      <c r="J318" s="37"/>
    </row>
    <row r="319" spans="10:10" ht="13.5" hidden="1" customHeight="1" x14ac:dyDescent="0.25">
      <c r="J319" s="37"/>
    </row>
    <row r="320" spans="10:10" ht="13.5" hidden="1" customHeight="1" x14ac:dyDescent="0.25">
      <c r="J320" s="37"/>
    </row>
    <row r="321" spans="10:10" ht="13.5" hidden="1" customHeight="1" x14ac:dyDescent="0.25">
      <c r="J321" s="37"/>
    </row>
    <row r="322" spans="10:10" ht="13.5" hidden="1" customHeight="1" x14ac:dyDescent="0.25">
      <c r="J322" s="37"/>
    </row>
    <row r="323" spans="10:10" ht="13.5" hidden="1" customHeight="1" x14ac:dyDescent="0.25">
      <c r="J323" s="37"/>
    </row>
    <row r="324" spans="10:10" ht="13.5" hidden="1" customHeight="1" x14ac:dyDescent="0.25">
      <c r="J324" s="37"/>
    </row>
    <row r="325" spans="10:10" ht="13.5" hidden="1" customHeight="1" x14ac:dyDescent="0.25">
      <c r="J325" s="37"/>
    </row>
    <row r="326" spans="10:10" ht="13.5" hidden="1" customHeight="1" x14ac:dyDescent="0.25">
      <c r="J326" s="37"/>
    </row>
    <row r="327" spans="10:10" ht="13.5" hidden="1" customHeight="1" x14ac:dyDescent="0.25">
      <c r="J327" s="37"/>
    </row>
    <row r="328" spans="10:10" ht="13.5" hidden="1" customHeight="1" x14ac:dyDescent="0.25">
      <c r="J328" s="37"/>
    </row>
    <row r="329" spans="10:10" ht="13.5" hidden="1" customHeight="1" x14ac:dyDescent="0.25">
      <c r="J329" s="37"/>
    </row>
    <row r="330" spans="10:10" ht="13.5" hidden="1" customHeight="1" x14ac:dyDescent="0.25">
      <c r="J330" s="37"/>
    </row>
    <row r="331" spans="10:10" ht="13.5" hidden="1" customHeight="1" x14ac:dyDescent="0.25">
      <c r="J331" s="37"/>
    </row>
    <row r="332" spans="10:10" ht="13.5" hidden="1" customHeight="1" x14ac:dyDescent="0.25">
      <c r="J332" s="37"/>
    </row>
    <row r="333" spans="10:10" ht="13.5" hidden="1" customHeight="1" x14ac:dyDescent="0.25">
      <c r="J333" s="37"/>
    </row>
    <row r="334" spans="10:10" ht="13.5" hidden="1" customHeight="1" x14ac:dyDescent="0.25">
      <c r="J334" s="37"/>
    </row>
    <row r="335" spans="10:10" ht="13.5" hidden="1" customHeight="1" x14ac:dyDescent="0.25">
      <c r="J335" s="37"/>
    </row>
    <row r="336" spans="10:10" ht="13.5" hidden="1" customHeight="1" x14ac:dyDescent="0.25">
      <c r="J336" s="37"/>
    </row>
    <row r="337" spans="10:10" ht="13.5" hidden="1" customHeight="1" x14ac:dyDescent="0.25">
      <c r="J337" s="37"/>
    </row>
    <row r="338" spans="10:10" ht="13.5" hidden="1" customHeight="1" x14ac:dyDescent="0.25">
      <c r="J338" s="37"/>
    </row>
    <row r="339" spans="10:10" ht="13.5" hidden="1" customHeight="1" x14ac:dyDescent="0.25">
      <c r="J339" s="37"/>
    </row>
    <row r="340" spans="10:10" ht="13.5" hidden="1" customHeight="1" x14ac:dyDescent="0.25">
      <c r="J340" s="37"/>
    </row>
    <row r="341" spans="10:10" ht="13.5" hidden="1" customHeight="1" x14ac:dyDescent="0.25">
      <c r="J341" s="37"/>
    </row>
    <row r="342" spans="10:10" ht="13.5" hidden="1" customHeight="1" x14ac:dyDescent="0.25">
      <c r="J342" s="37"/>
    </row>
    <row r="343" spans="10:10" ht="13.5" hidden="1" customHeight="1" x14ac:dyDescent="0.25">
      <c r="J343" s="37"/>
    </row>
    <row r="344" spans="10:10" ht="13.5" hidden="1" customHeight="1" x14ac:dyDescent="0.25">
      <c r="J344" s="37"/>
    </row>
    <row r="345" spans="10:10" ht="13.5" hidden="1" customHeight="1" x14ac:dyDescent="0.25">
      <c r="J345" s="37"/>
    </row>
    <row r="346" spans="10:10" ht="13.5" hidden="1" customHeight="1" x14ac:dyDescent="0.25">
      <c r="J346" s="37"/>
    </row>
    <row r="347" spans="10:10" ht="13.5" hidden="1" customHeight="1" x14ac:dyDescent="0.25">
      <c r="J347" s="37"/>
    </row>
    <row r="348" spans="10:10" ht="13.5" hidden="1" customHeight="1" x14ac:dyDescent="0.25">
      <c r="J348" s="37"/>
    </row>
    <row r="349" spans="10:10" ht="13.5" hidden="1" customHeight="1" x14ac:dyDescent="0.25">
      <c r="J349" s="37"/>
    </row>
    <row r="350" spans="10:10" ht="13.5" hidden="1" customHeight="1" x14ac:dyDescent="0.25">
      <c r="J350" s="37"/>
    </row>
    <row r="351" spans="10:10" ht="13.5" hidden="1" customHeight="1" x14ac:dyDescent="0.25">
      <c r="J351" s="37"/>
    </row>
    <row r="352" spans="10:10" ht="13.5" hidden="1" customHeight="1" x14ac:dyDescent="0.25">
      <c r="J352" s="37"/>
    </row>
    <row r="353" spans="10:10" ht="13.5" hidden="1" customHeight="1" x14ac:dyDescent="0.25">
      <c r="J353" s="37"/>
    </row>
    <row r="354" spans="10:10" ht="13.5" hidden="1" customHeight="1" x14ac:dyDescent="0.25">
      <c r="J354" s="37"/>
    </row>
    <row r="355" spans="10:10" ht="13.5" hidden="1" customHeight="1" x14ac:dyDescent="0.25">
      <c r="J355" s="37"/>
    </row>
    <row r="356" spans="10:10" ht="13.5" hidden="1" customHeight="1" x14ac:dyDescent="0.25">
      <c r="J356" s="37"/>
    </row>
    <row r="357" spans="10:10" ht="13.5" hidden="1" customHeight="1" x14ac:dyDescent="0.25">
      <c r="J357" s="37"/>
    </row>
    <row r="358" spans="10:10" ht="13.5" hidden="1" customHeight="1" x14ac:dyDescent="0.25">
      <c r="J358" s="37"/>
    </row>
    <row r="359" spans="10:10" ht="13.5" hidden="1" customHeight="1" x14ac:dyDescent="0.25">
      <c r="J359" s="37"/>
    </row>
    <row r="360" spans="10:10" ht="13.5" hidden="1" customHeight="1" x14ac:dyDescent="0.25">
      <c r="J360" s="37"/>
    </row>
    <row r="361" spans="10:10" ht="13.5" hidden="1" customHeight="1" x14ac:dyDescent="0.25">
      <c r="J361" s="37"/>
    </row>
    <row r="362" spans="10:10" ht="13.5" hidden="1" customHeight="1" x14ac:dyDescent="0.25">
      <c r="J362" s="37"/>
    </row>
    <row r="363" spans="10:10" ht="13.5" hidden="1" customHeight="1" x14ac:dyDescent="0.25">
      <c r="J363" s="37"/>
    </row>
    <row r="364" spans="10:10" ht="13.5" hidden="1" customHeight="1" x14ac:dyDescent="0.25">
      <c r="J364" s="37"/>
    </row>
    <row r="365" spans="10:10" ht="13.5" hidden="1" customHeight="1" x14ac:dyDescent="0.25">
      <c r="J365" s="37"/>
    </row>
    <row r="366" spans="10:10" ht="13.5" hidden="1" customHeight="1" x14ac:dyDescent="0.25">
      <c r="J366" s="37"/>
    </row>
    <row r="367" spans="10:10" ht="13.5" hidden="1" customHeight="1" x14ac:dyDescent="0.25">
      <c r="J367" s="37"/>
    </row>
    <row r="368" spans="10:10" ht="13.5" hidden="1" customHeight="1" x14ac:dyDescent="0.25">
      <c r="J368" s="37"/>
    </row>
    <row r="369" spans="10:10" ht="13.5" hidden="1" customHeight="1" x14ac:dyDescent="0.25">
      <c r="J369" s="37"/>
    </row>
    <row r="370" spans="10:10" ht="13.5" hidden="1" customHeight="1" x14ac:dyDescent="0.25">
      <c r="J370" s="37"/>
    </row>
    <row r="371" spans="10:10" ht="13.5" hidden="1" customHeight="1" x14ac:dyDescent="0.25">
      <c r="J371" s="37"/>
    </row>
    <row r="372" spans="10:10" ht="13.5" hidden="1" customHeight="1" x14ac:dyDescent="0.25">
      <c r="J372" s="37"/>
    </row>
    <row r="373" spans="10:10" ht="13.5" hidden="1" customHeight="1" x14ac:dyDescent="0.25">
      <c r="J373" s="37"/>
    </row>
    <row r="374" spans="10:10" ht="13.5" hidden="1" customHeight="1" x14ac:dyDescent="0.25">
      <c r="J374" s="37"/>
    </row>
    <row r="375" spans="10:10" ht="13.5" hidden="1" customHeight="1" x14ac:dyDescent="0.25">
      <c r="J375" s="37"/>
    </row>
    <row r="376" spans="10:10" ht="13.5" hidden="1" customHeight="1" x14ac:dyDescent="0.25">
      <c r="J376" s="37"/>
    </row>
    <row r="377" spans="10:10" ht="13.5" hidden="1" customHeight="1" x14ac:dyDescent="0.25">
      <c r="J377" s="37"/>
    </row>
    <row r="378" spans="10:10" ht="13.5" hidden="1" customHeight="1" x14ac:dyDescent="0.25">
      <c r="J378" s="37"/>
    </row>
    <row r="379" spans="10:10" ht="13.5" hidden="1" customHeight="1" x14ac:dyDescent="0.25">
      <c r="J379" s="37"/>
    </row>
    <row r="380" spans="10:10" ht="13.5" hidden="1" customHeight="1" x14ac:dyDescent="0.25">
      <c r="J380" s="37"/>
    </row>
    <row r="381" spans="10:10" ht="13.5" hidden="1" customHeight="1" x14ac:dyDescent="0.25">
      <c r="J381" s="37"/>
    </row>
    <row r="382" spans="10:10" ht="13.5" hidden="1" customHeight="1" x14ac:dyDescent="0.25">
      <c r="J382" s="37"/>
    </row>
    <row r="383" spans="10:10" ht="13.5" hidden="1" customHeight="1" x14ac:dyDescent="0.25">
      <c r="J383" s="37"/>
    </row>
    <row r="384" spans="10:10" ht="13.5" hidden="1" customHeight="1" x14ac:dyDescent="0.25">
      <c r="J384" s="37"/>
    </row>
    <row r="385" spans="10:10" ht="13.5" hidden="1" customHeight="1" x14ac:dyDescent="0.25">
      <c r="J385" s="37"/>
    </row>
    <row r="386" spans="10:10" ht="13.5" hidden="1" customHeight="1" x14ac:dyDescent="0.25">
      <c r="J386" s="37"/>
    </row>
    <row r="387" spans="10:10" ht="13.5" hidden="1" customHeight="1" x14ac:dyDescent="0.25">
      <c r="J387" s="37"/>
    </row>
    <row r="388" spans="10:10" ht="13.5" hidden="1" customHeight="1" x14ac:dyDescent="0.25">
      <c r="J388" s="37"/>
    </row>
    <row r="389" spans="10:10" ht="13.5" hidden="1" customHeight="1" x14ac:dyDescent="0.25">
      <c r="J389" s="37"/>
    </row>
    <row r="390" spans="10:10" ht="13.5" hidden="1" customHeight="1" x14ac:dyDescent="0.25">
      <c r="J390" s="37"/>
    </row>
    <row r="391" spans="10:10" ht="13.5" hidden="1" customHeight="1" x14ac:dyDescent="0.25">
      <c r="J391" s="37"/>
    </row>
    <row r="392" spans="10:10" ht="13.5" hidden="1" customHeight="1" x14ac:dyDescent="0.25">
      <c r="J392" s="37"/>
    </row>
    <row r="393" spans="10:10" ht="13.5" hidden="1" customHeight="1" x14ac:dyDescent="0.25">
      <c r="J393" s="37"/>
    </row>
    <row r="394" spans="10:10" ht="13.5" hidden="1" customHeight="1" x14ac:dyDescent="0.25">
      <c r="J394" s="37"/>
    </row>
    <row r="395" spans="10:10" ht="13.5" hidden="1" customHeight="1" x14ac:dyDescent="0.25">
      <c r="J395" s="37"/>
    </row>
    <row r="396" spans="10:10" ht="13.5" hidden="1" customHeight="1" x14ac:dyDescent="0.25">
      <c r="J396" s="37"/>
    </row>
    <row r="397" spans="10:10" ht="13.5" hidden="1" customHeight="1" x14ac:dyDescent="0.25">
      <c r="J397" s="37"/>
    </row>
    <row r="398" spans="10:10" ht="13.5" hidden="1" customHeight="1" x14ac:dyDescent="0.25">
      <c r="J398" s="37"/>
    </row>
    <row r="399" spans="10:10" ht="13.5" hidden="1" customHeight="1" x14ac:dyDescent="0.25">
      <c r="J399" s="37"/>
    </row>
    <row r="400" spans="10:10" ht="13.5" hidden="1" customHeight="1" x14ac:dyDescent="0.25">
      <c r="J400" s="37"/>
    </row>
    <row r="401" spans="10:10" ht="13.5" hidden="1" customHeight="1" x14ac:dyDescent="0.25">
      <c r="J401" s="37"/>
    </row>
    <row r="402" spans="10:10" ht="13.5" hidden="1" customHeight="1" x14ac:dyDescent="0.25">
      <c r="J402" s="37"/>
    </row>
    <row r="403" spans="10:10" ht="13.5" hidden="1" customHeight="1" x14ac:dyDescent="0.25">
      <c r="J403" s="37"/>
    </row>
    <row r="404" spans="10:10" ht="13.5" hidden="1" customHeight="1" x14ac:dyDescent="0.25">
      <c r="J404" s="37"/>
    </row>
    <row r="405" spans="10:10" ht="13.5" hidden="1" customHeight="1" x14ac:dyDescent="0.25">
      <c r="J405" s="37"/>
    </row>
    <row r="406" spans="10:10" ht="13.5" hidden="1" customHeight="1" x14ac:dyDescent="0.25">
      <c r="J406" s="37"/>
    </row>
    <row r="407" spans="10:10" ht="13.5" hidden="1" customHeight="1" x14ac:dyDescent="0.25">
      <c r="J407" s="37"/>
    </row>
    <row r="408" spans="10:10" ht="13.5" hidden="1" customHeight="1" x14ac:dyDescent="0.25">
      <c r="J408" s="37"/>
    </row>
    <row r="409" spans="10:10" ht="13.5" hidden="1" customHeight="1" x14ac:dyDescent="0.25">
      <c r="J409" s="37"/>
    </row>
    <row r="410" spans="10:10" ht="13.5" hidden="1" customHeight="1" x14ac:dyDescent="0.25">
      <c r="J410" s="37"/>
    </row>
    <row r="411" spans="10:10" ht="13.5" hidden="1" customHeight="1" x14ac:dyDescent="0.25">
      <c r="J411" s="37"/>
    </row>
    <row r="412" spans="10:10" ht="13.5" hidden="1" customHeight="1" x14ac:dyDescent="0.25">
      <c r="J412" s="37"/>
    </row>
    <row r="413" spans="10:10" ht="13.5" hidden="1" customHeight="1" x14ac:dyDescent="0.25">
      <c r="J413" s="37"/>
    </row>
    <row r="414" spans="10:10" ht="13.5" hidden="1" customHeight="1" x14ac:dyDescent="0.25">
      <c r="J414" s="37"/>
    </row>
    <row r="415" spans="10:10" ht="13.5" hidden="1" customHeight="1" x14ac:dyDescent="0.25">
      <c r="J415" s="37"/>
    </row>
    <row r="416" spans="10:10" ht="13.5" hidden="1" customHeight="1" x14ac:dyDescent="0.25">
      <c r="J416" s="37"/>
    </row>
    <row r="417" spans="10:10" ht="13.5" hidden="1" customHeight="1" x14ac:dyDescent="0.25">
      <c r="J417" s="37"/>
    </row>
    <row r="418" spans="10:10" ht="13.5" hidden="1" customHeight="1" x14ac:dyDescent="0.25">
      <c r="J418" s="37"/>
    </row>
    <row r="419" spans="10:10" ht="13.5" hidden="1" customHeight="1" x14ac:dyDescent="0.25">
      <c r="J419" s="37"/>
    </row>
    <row r="420" spans="10:10" ht="13.5" hidden="1" customHeight="1" x14ac:dyDescent="0.25">
      <c r="J420" s="37"/>
    </row>
    <row r="421" spans="10:10" ht="13.5" hidden="1" customHeight="1" x14ac:dyDescent="0.25">
      <c r="J421" s="37"/>
    </row>
    <row r="422" spans="10:10" ht="13.5" hidden="1" customHeight="1" x14ac:dyDescent="0.25">
      <c r="J422" s="37"/>
    </row>
    <row r="423" spans="10:10" ht="13.5" hidden="1" customHeight="1" x14ac:dyDescent="0.25">
      <c r="J423" s="37"/>
    </row>
    <row r="424" spans="10:10" ht="13.5" hidden="1" customHeight="1" x14ac:dyDescent="0.25">
      <c r="J424" s="37"/>
    </row>
    <row r="425" spans="10:10" ht="13.5" hidden="1" customHeight="1" x14ac:dyDescent="0.25">
      <c r="J425" s="37"/>
    </row>
    <row r="426" spans="10:10" ht="13.5" hidden="1" customHeight="1" x14ac:dyDescent="0.25">
      <c r="J426" s="37"/>
    </row>
    <row r="427" spans="10:10" ht="13.5" hidden="1" customHeight="1" x14ac:dyDescent="0.25">
      <c r="J427" s="37"/>
    </row>
    <row r="428" spans="10:10" ht="13.5" hidden="1" customHeight="1" x14ac:dyDescent="0.25">
      <c r="J428" s="37"/>
    </row>
    <row r="429" spans="10:10" ht="13.5" hidden="1" customHeight="1" x14ac:dyDescent="0.25">
      <c r="J429" s="37"/>
    </row>
    <row r="430" spans="10:10" ht="13.5" hidden="1" customHeight="1" x14ac:dyDescent="0.25">
      <c r="J430" s="37"/>
    </row>
    <row r="431" spans="10:10" ht="13.5" hidden="1" customHeight="1" x14ac:dyDescent="0.25">
      <c r="J431" s="37"/>
    </row>
    <row r="432" spans="10:10" ht="13.5" hidden="1" customHeight="1" x14ac:dyDescent="0.25">
      <c r="J432" s="37"/>
    </row>
    <row r="433" spans="10:10" ht="13.5" hidden="1" customHeight="1" x14ac:dyDescent="0.25">
      <c r="J433" s="37"/>
    </row>
    <row r="434" spans="10:10" ht="13.5" hidden="1" customHeight="1" x14ac:dyDescent="0.25">
      <c r="J434" s="37"/>
    </row>
    <row r="435" spans="10:10" ht="13.5" hidden="1" customHeight="1" x14ac:dyDescent="0.25">
      <c r="J435" s="37"/>
    </row>
    <row r="436" spans="10:10" ht="13.5" hidden="1" customHeight="1" x14ac:dyDescent="0.25">
      <c r="J436" s="37"/>
    </row>
    <row r="437" spans="10:10" ht="13.5" hidden="1" customHeight="1" x14ac:dyDescent="0.25">
      <c r="J437" s="37"/>
    </row>
    <row r="438" spans="10:10" ht="13.5" hidden="1" customHeight="1" x14ac:dyDescent="0.25">
      <c r="J438" s="37"/>
    </row>
    <row r="439" spans="10:10" ht="13.5" hidden="1" customHeight="1" x14ac:dyDescent="0.25">
      <c r="J439" s="37"/>
    </row>
    <row r="440" spans="10:10" ht="13.5" hidden="1" customHeight="1" x14ac:dyDescent="0.25">
      <c r="J440" s="37"/>
    </row>
    <row r="441" spans="10:10" ht="13.5" hidden="1" customHeight="1" x14ac:dyDescent="0.25">
      <c r="J441" s="37"/>
    </row>
    <row r="442" spans="10:10" ht="13.5" hidden="1" customHeight="1" x14ac:dyDescent="0.25">
      <c r="J442" s="37"/>
    </row>
    <row r="443" spans="10:10" ht="13.5" hidden="1" customHeight="1" x14ac:dyDescent="0.25">
      <c r="J443" s="37"/>
    </row>
    <row r="444" spans="10:10" ht="13.5" hidden="1" customHeight="1" x14ac:dyDescent="0.25">
      <c r="J444" s="37"/>
    </row>
    <row r="445" spans="10:10" ht="13.5" hidden="1" customHeight="1" x14ac:dyDescent="0.25">
      <c r="J445" s="37"/>
    </row>
    <row r="446" spans="10:10" ht="13.5" hidden="1" customHeight="1" x14ac:dyDescent="0.25">
      <c r="J446" s="37"/>
    </row>
    <row r="447" spans="10:10" ht="13.5" hidden="1" customHeight="1" x14ac:dyDescent="0.25">
      <c r="J447" s="37"/>
    </row>
    <row r="448" spans="10:10" ht="13.5" hidden="1" customHeight="1" x14ac:dyDescent="0.25">
      <c r="J448" s="37"/>
    </row>
    <row r="449" spans="10:10" ht="13.5" hidden="1" customHeight="1" x14ac:dyDescent="0.25">
      <c r="J449" s="37"/>
    </row>
    <row r="450" spans="10:10" ht="13.5" hidden="1" customHeight="1" x14ac:dyDescent="0.25">
      <c r="J450" s="37"/>
    </row>
    <row r="451" spans="10:10" ht="13.5" hidden="1" customHeight="1" x14ac:dyDescent="0.25">
      <c r="J451" s="37"/>
    </row>
    <row r="452" spans="10:10" ht="13.5" hidden="1" customHeight="1" x14ac:dyDescent="0.25">
      <c r="J452" s="37"/>
    </row>
    <row r="453" spans="10:10" ht="13.5" hidden="1" customHeight="1" x14ac:dyDescent="0.25">
      <c r="J453" s="37"/>
    </row>
    <row r="454" spans="10:10" ht="13.5" hidden="1" customHeight="1" x14ac:dyDescent="0.25">
      <c r="J454" s="37"/>
    </row>
    <row r="455" spans="10:10" ht="13.5" hidden="1" customHeight="1" x14ac:dyDescent="0.25">
      <c r="J455" s="37"/>
    </row>
    <row r="456" spans="10:10" ht="13.5" hidden="1" customHeight="1" x14ac:dyDescent="0.25">
      <c r="J456" s="37"/>
    </row>
    <row r="457" spans="10:10" ht="13.5" hidden="1" customHeight="1" x14ac:dyDescent="0.25">
      <c r="J457" s="37"/>
    </row>
    <row r="458" spans="10:10" ht="13.5" hidden="1" customHeight="1" x14ac:dyDescent="0.25">
      <c r="J458" s="37"/>
    </row>
    <row r="459" spans="10:10" ht="13.5" hidden="1" customHeight="1" x14ac:dyDescent="0.25">
      <c r="J459" s="37"/>
    </row>
    <row r="460" spans="10:10" ht="13.5" hidden="1" customHeight="1" x14ac:dyDescent="0.25">
      <c r="J460" s="37"/>
    </row>
    <row r="461" spans="10:10" ht="13.5" hidden="1" customHeight="1" x14ac:dyDescent="0.25">
      <c r="J461" s="37"/>
    </row>
    <row r="462" spans="10:10" ht="13.5" hidden="1" customHeight="1" x14ac:dyDescent="0.25">
      <c r="J462" s="37"/>
    </row>
    <row r="463" spans="10:10" ht="13.5" hidden="1" customHeight="1" x14ac:dyDescent="0.25">
      <c r="J463" s="37"/>
    </row>
    <row r="464" spans="10:10" ht="13.5" hidden="1" customHeight="1" x14ac:dyDescent="0.25">
      <c r="J464" s="37"/>
    </row>
    <row r="465" spans="10:10" ht="13.5" hidden="1" customHeight="1" x14ac:dyDescent="0.25">
      <c r="J465" s="37"/>
    </row>
    <row r="466" spans="10:10" ht="13.5" hidden="1" customHeight="1" x14ac:dyDescent="0.25">
      <c r="J466" s="37"/>
    </row>
    <row r="467" spans="10:10" ht="13.5" hidden="1" customHeight="1" x14ac:dyDescent="0.25">
      <c r="J467" s="37"/>
    </row>
    <row r="468" spans="10:10" ht="13.5" hidden="1" customHeight="1" x14ac:dyDescent="0.25">
      <c r="J468" s="37"/>
    </row>
    <row r="469" spans="10:10" ht="13.5" hidden="1" customHeight="1" x14ac:dyDescent="0.25">
      <c r="J469" s="37"/>
    </row>
    <row r="470" spans="10:10" ht="13.5" hidden="1" customHeight="1" x14ac:dyDescent="0.25">
      <c r="J470" s="37"/>
    </row>
    <row r="471" spans="10:10" ht="13.5" hidden="1" customHeight="1" x14ac:dyDescent="0.25">
      <c r="J471" s="37"/>
    </row>
    <row r="472" spans="10:10" ht="13.5" hidden="1" customHeight="1" x14ac:dyDescent="0.25">
      <c r="J472" s="37"/>
    </row>
    <row r="473" spans="10:10" ht="13.5" hidden="1" customHeight="1" x14ac:dyDescent="0.25">
      <c r="J473" s="37"/>
    </row>
    <row r="474" spans="10:10" ht="13.5" hidden="1" customHeight="1" x14ac:dyDescent="0.25">
      <c r="J474" s="37"/>
    </row>
    <row r="475" spans="10:10" ht="13.5" hidden="1" customHeight="1" x14ac:dyDescent="0.25">
      <c r="J475" s="37"/>
    </row>
    <row r="476" spans="10:10" ht="13.5" hidden="1" customHeight="1" x14ac:dyDescent="0.25">
      <c r="J476" s="37"/>
    </row>
    <row r="477" spans="10:10" ht="13.5" hidden="1" customHeight="1" x14ac:dyDescent="0.25">
      <c r="J477" s="37"/>
    </row>
    <row r="478" spans="10:10" ht="13.5" hidden="1" customHeight="1" x14ac:dyDescent="0.25">
      <c r="J478" s="37"/>
    </row>
    <row r="479" spans="10:10" ht="13.5" hidden="1" customHeight="1" x14ac:dyDescent="0.25">
      <c r="J479" s="37"/>
    </row>
    <row r="480" spans="10:10" ht="13.5" hidden="1" customHeight="1" x14ac:dyDescent="0.25">
      <c r="J480" s="37"/>
    </row>
    <row r="481" spans="10:10" ht="13.5" hidden="1" customHeight="1" x14ac:dyDescent="0.25">
      <c r="J481" s="37"/>
    </row>
    <row r="482" spans="10:10" ht="13.5" hidden="1" customHeight="1" x14ac:dyDescent="0.25">
      <c r="J482" s="37"/>
    </row>
    <row r="483" spans="10:10" ht="13.5" hidden="1" customHeight="1" x14ac:dyDescent="0.25">
      <c r="J483" s="37"/>
    </row>
    <row r="484" spans="10:10" ht="13.5" hidden="1" customHeight="1" x14ac:dyDescent="0.25">
      <c r="J484" s="37"/>
    </row>
    <row r="485" spans="10:10" ht="13.5" hidden="1" customHeight="1" x14ac:dyDescent="0.25">
      <c r="J485" s="37"/>
    </row>
    <row r="486" spans="10:10" ht="13.5" hidden="1" customHeight="1" x14ac:dyDescent="0.25">
      <c r="J486" s="37"/>
    </row>
    <row r="487" spans="10:10" ht="13.5" hidden="1" customHeight="1" x14ac:dyDescent="0.25">
      <c r="J487" s="37"/>
    </row>
    <row r="488" spans="10:10" ht="13.5" hidden="1" customHeight="1" x14ac:dyDescent="0.25">
      <c r="J488" s="37"/>
    </row>
    <row r="489" spans="10:10" ht="13.5" hidden="1" customHeight="1" x14ac:dyDescent="0.25">
      <c r="J489" s="37"/>
    </row>
    <row r="490" spans="10:10" ht="13.5" hidden="1" customHeight="1" x14ac:dyDescent="0.25">
      <c r="J490" s="37"/>
    </row>
    <row r="491" spans="10:10" ht="13.5" hidden="1" customHeight="1" x14ac:dyDescent="0.25">
      <c r="J491" s="37"/>
    </row>
    <row r="492" spans="10:10" ht="13.5" hidden="1" customHeight="1" x14ac:dyDescent="0.25">
      <c r="J492" s="37"/>
    </row>
    <row r="493" spans="10:10" ht="13.5" hidden="1" customHeight="1" x14ac:dyDescent="0.25">
      <c r="J493" s="37"/>
    </row>
    <row r="494" spans="10:10" ht="13.5" hidden="1" customHeight="1" x14ac:dyDescent="0.25">
      <c r="J494" s="37"/>
    </row>
    <row r="495" spans="10:10" ht="13.5" hidden="1" customHeight="1" x14ac:dyDescent="0.25">
      <c r="J495" s="37"/>
    </row>
    <row r="496" spans="10:10" ht="13.5" hidden="1" customHeight="1" x14ac:dyDescent="0.25">
      <c r="J496" s="37"/>
    </row>
    <row r="497" spans="10:10" ht="13.5" hidden="1" customHeight="1" x14ac:dyDescent="0.25">
      <c r="J497" s="37"/>
    </row>
    <row r="498" spans="10:10" ht="13.5" hidden="1" customHeight="1" x14ac:dyDescent="0.25">
      <c r="J498" s="37"/>
    </row>
    <row r="499" spans="10:10" ht="13.5" hidden="1" customHeight="1" x14ac:dyDescent="0.25">
      <c r="J499" s="37"/>
    </row>
    <row r="500" spans="10:10" ht="13.5" hidden="1" customHeight="1" x14ac:dyDescent="0.25">
      <c r="J500" s="37"/>
    </row>
    <row r="501" spans="10:10" ht="13.5" hidden="1" customHeight="1" x14ac:dyDescent="0.25">
      <c r="J501" s="37"/>
    </row>
    <row r="502" spans="10:10" ht="13.5" hidden="1" customHeight="1" x14ac:dyDescent="0.25">
      <c r="J502" s="37"/>
    </row>
    <row r="503" spans="10:10" ht="13.5" hidden="1" customHeight="1" x14ac:dyDescent="0.25">
      <c r="J503" s="37"/>
    </row>
    <row r="504" spans="10:10" ht="13.5" hidden="1" customHeight="1" x14ac:dyDescent="0.25">
      <c r="J504" s="37"/>
    </row>
    <row r="505" spans="10:10" ht="13.5" hidden="1" customHeight="1" x14ac:dyDescent="0.25">
      <c r="J505" s="37"/>
    </row>
    <row r="506" spans="10:10" ht="13.5" hidden="1" customHeight="1" x14ac:dyDescent="0.25">
      <c r="J506" s="37"/>
    </row>
    <row r="507" spans="10:10" ht="13.5" hidden="1" customHeight="1" x14ac:dyDescent="0.25">
      <c r="J507" s="37"/>
    </row>
    <row r="508" spans="10:10" ht="13.5" hidden="1" customHeight="1" x14ac:dyDescent="0.25">
      <c r="J508" s="37"/>
    </row>
    <row r="509" spans="10:10" ht="13.5" hidden="1" customHeight="1" x14ac:dyDescent="0.25">
      <c r="J509" s="37"/>
    </row>
    <row r="510" spans="10:10" ht="13.5" hidden="1" customHeight="1" x14ac:dyDescent="0.25">
      <c r="J510" s="37"/>
    </row>
    <row r="511" spans="10:10" ht="13.5" hidden="1" customHeight="1" x14ac:dyDescent="0.25">
      <c r="J511" s="37"/>
    </row>
    <row r="512" spans="10:10" ht="13.5" hidden="1" customHeight="1" x14ac:dyDescent="0.25">
      <c r="J512" s="37"/>
    </row>
    <row r="513" spans="10:10" ht="13.5" hidden="1" customHeight="1" x14ac:dyDescent="0.25">
      <c r="J513" s="37"/>
    </row>
    <row r="514" spans="10:10" ht="13.5" hidden="1" customHeight="1" x14ac:dyDescent="0.25">
      <c r="J514" s="37"/>
    </row>
    <row r="515" spans="10:10" ht="13.5" hidden="1" customHeight="1" x14ac:dyDescent="0.25">
      <c r="J515" s="37"/>
    </row>
    <row r="516" spans="10:10" ht="13.5" hidden="1" customHeight="1" x14ac:dyDescent="0.25">
      <c r="J516" s="37"/>
    </row>
    <row r="517" spans="10:10" ht="13.5" hidden="1" customHeight="1" x14ac:dyDescent="0.25">
      <c r="J517" s="37"/>
    </row>
    <row r="518" spans="10:10" ht="13.5" hidden="1" customHeight="1" x14ac:dyDescent="0.25">
      <c r="J518" s="37"/>
    </row>
    <row r="519" spans="10:10" ht="13.5" hidden="1" customHeight="1" x14ac:dyDescent="0.25">
      <c r="J519" s="37"/>
    </row>
    <row r="520" spans="10:10" ht="13.5" hidden="1" customHeight="1" x14ac:dyDescent="0.25">
      <c r="J520" s="37"/>
    </row>
    <row r="521" spans="10:10" ht="13.5" hidden="1" customHeight="1" x14ac:dyDescent="0.25">
      <c r="J521" s="37"/>
    </row>
    <row r="522" spans="10:10" ht="13.5" hidden="1" customHeight="1" x14ac:dyDescent="0.25">
      <c r="J522" s="37"/>
    </row>
    <row r="523" spans="10:10" ht="13.5" hidden="1" customHeight="1" x14ac:dyDescent="0.25">
      <c r="J523" s="37"/>
    </row>
    <row r="524" spans="10:10" ht="13.5" hidden="1" customHeight="1" x14ac:dyDescent="0.25">
      <c r="J524" s="37"/>
    </row>
    <row r="525" spans="10:10" ht="13.5" hidden="1" customHeight="1" x14ac:dyDescent="0.25">
      <c r="J525" s="37"/>
    </row>
    <row r="526" spans="10:10" ht="13.5" hidden="1" customHeight="1" x14ac:dyDescent="0.25">
      <c r="J526" s="37"/>
    </row>
    <row r="527" spans="10:10" ht="13.5" hidden="1" customHeight="1" x14ac:dyDescent="0.25">
      <c r="J527" s="37"/>
    </row>
    <row r="528" spans="10:10" ht="13.5" hidden="1" customHeight="1" x14ac:dyDescent="0.25">
      <c r="J528" s="37"/>
    </row>
    <row r="529" spans="10:10" ht="13.5" hidden="1" customHeight="1" x14ac:dyDescent="0.25">
      <c r="J529" s="37"/>
    </row>
    <row r="530" spans="10:10" ht="13.5" hidden="1" customHeight="1" x14ac:dyDescent="0.25">
      <c r="J530" s="37"/>
    </row>
    <row r="531" spans="10:10" ht="13.5" hidden="1" customHeight="1" x14ac:dyDescent="0.25">
      <c r="J531" s="37"/>
    </row>
    <row r="532" spans="10:10" ht="13.5" hidden="1" customHeight="1" x14ac:dyDescent="0.25">
      <c r="J532" s="37"/>
    </row>
    <row r="533" spans="10:10" ht="13.5" hidden="1" customHeight="1" x14ac:dyDescent="0.25">
      <c r="J533" s="37"/>
    </row>
    <row r="534" spans="10:10" ht="13.5" hidden="1" customHeight="1" x14ac:dyDescent="0.25">
      <c r="J534" s="37"/>
    </row>
    <row r="535" spans="10:10" ht="13.5" hidden="1" customHeight="1" x14ac:dyDescent="0.25">
      <c r="J535" s="37"/>
    </row>
    <row r="536" spans="10:10" ht="13.5" hidden="1" customHeight="1" x14ac:dyDescent="0.25">
      <c r="J536" s="37"/>
    </row>
    <row r="537" spans="10:10" ht="13.5" hidden="1" customHeight="1" x14ac:dyDescent="0.25">
      <c r="J537" s="37"/>
    </row>
    <row r="538" spans="10:10" ht="13.5" hidden="1" customHeight="1" x14ac:dyDescent="0.25">
      <c r="J538" s="37"/>
    </row>
    <row r="539" spans="10:10" ht="13.5" hidden="1" customHeight="1" x14ac:dyDescent="0.25">
      <c r="J539" s="37"/>
    </row>
    <row r="540" spans="10:10" ht="13.5" hidden="1" customHeight="1" x14ac:dyDescent="0.25">
      <c r="J540" s="37"/>
    </row>
    <row r="541" spans="10:10" ht="13.5" hidden="1" customHeight="1" x14ac:dyDescent="0.25">
      <c r="J541" s="37"/>
    </row>
    <row r="542" spans="10:10" ht="13.5" hidden="1" customHeight="1" x14ac:dyDescent="0.25">
      <c r="J542" s="37"/>
    </row>
    <row r="543" spans="10:10" ht="13.5" hidden="1" customHeight="1" x14ac:dyDescent="0.25">
      <c r="J543" s="37"/>
    </row>
    <row r="544" spans="10:10" ht="13.5" hidden="1" customHeight="1" x14ac:dyDescent="0.25">
      <c r="J544" s="37"/>
    </row>
    <row r="545" spans="10:10" ht="13.5" hidden="1" customHeight="1" x14ac:dyDescent="0.25">
      <c r="J545" s="37"/>
    </row>
    <row r="546" spans="10:10" ht="13.5" hidden="1" customHeight="1" x14ac:dyDescent="0.25">
      <c r="J546" s="37"/>
    </row>
    <row r="547" spans="10:10" ht="13.5" hidden="1" customHeight="1" x14ac:dyDescent="0.25">
      <c r="J547" s="37"/>
    </row>
    <row r="548" spans="10:10" ht="13.5" hidden="1" customHeight="1" x14ac:dyDescent="0.25">
      <c r="J548" s="37"/>
    </row>
    <row r="549" spans="10:10" ht="13.5" hidden="1" customHeight="1" x14ac:dyDescent="0.25">
      <c r="J549" s="37"/>
    </row>
    <row r="550" spans="10:10" ht="13.5" hidden="1" customHeight="1" x14ac:dyDescent="0.25">
      <c r="J550" s="37"/>
    </row>
    <row r="551" spans="10:10" ht="13.5" hidden="1" customHeight="1" x14ac:dyDescent="0.25">
      <c r="J551" s="37"/>
    </row>
    <row r="552" spans="10:10" ht="13.5" hidden="1" customHeight="1" x14ac:dyDescent="0.25">
      <c r="J552" s="37"/>
    </row>
    <row r="553" spans="10:10" ht="13.5" hidden="1" customHeight="1" x14ac:dyDescent="0.25">
      <c r="J553" s="37"/>
    </row>
    <row r="554" spans="10:10" ht="13.5" hidden="1" customHeight="1" x14ac:dyDescent="0.25">
      <c r="J554" s="37"/>
    </row>
    <row r="555" spans="10:10" ht="13.5" hidden="1" customHeight="1" x14ac:dyDescent="0.25">
      <c r="J555" s="37"/>
    </row>
    <row r="556" spans="10:10" ht="13.5" hidden="1" customHeight="1" x14ac:dyDescent="0.25">
      <c r="J556" s="37"/>
    </row>
    <row r="557" spans="10:10" ht="13.5" hidden="1" customHeight="1" x14ac:dyDescent="0.25">
      <c r="J557" s="37"/>
    </row>
    <row r="558" spans="10:10" ht="13.5" hidden="1" customHeight="1" x14ac:dyDescent="0.25">
      <c r="J558" s="37"/>
    </row>
    <row r="559" spans="10:10" ht="13.5" hidden="1" customHeight="1" x14ac:dyDescent="0.25">
      <c r="J559" s="37"/>
    </row>
    <row r="560" spans="10:10" ht="13.5" hidden="1" customHeight="1" x14ac:dyDescent="0.25">
      <c r="J560" s="37"/>
    </row>
    <row r="561" spans="10:10" ht="13.5" hidden="1" customHeight="1" x14ac:dyDescent="0.25">
      <c r="J561" s="37"/>
    </row>
    <row r="562" spans="10:10" ht="13.5" hidden="1" customHeight="1" x14ac:dyDescent="0.25">
      <c r="J562" s="37"/>
    </row>
    <row r="563" spans="10:10" ht="13.5" hidden="1" customHeight="1" x14ac:dyDescent="0.25">
      <c r="J563" s="37"/>
    </row>
    <row r="564" spans="10:10" ht="13.5" hidden="1" customHeight="1" x14ac:dyDescent="0.25">
      <c r="J564" s="37"/>
    </row>
    <row r="565" spans="10:10" ht="13.5" hidden="1" customHeight="1" x14ac:dyDescent="0.25">
      <c r="J565" s="37"/>
    </row>
    <row r="566" spans="10:10" ht="13.5" hidden="1" customHeight="1" x14ac:dyDescent="0.25">
      <c r="J566" s="37"/>
    </row>
    <row r="567" spans="10:10" ht="13.5" hidden="1" customHeight="1" x14ac:dyDescent="0.25">
      <c r="J567" s="37"/>
    </row>
    <row r="568" spans="10:10" ht="13.5" hidden="1" customHeight="1" x14ac:dyDescent="0.25">
      <c r="J568" s="37"/>
    </row>
    <row r="569" spans="10:10" ht="13.5" hidden="1" customHeight="1" x14ac:dyDescent="0.25">
      <c r="J569" s="37"/>
    </row>
    <row r="570" spans="10:10" ht="13.5" hidden="1" customHeight="1" x14ac:dyDescent="0.25">
      <c r="J570" s="37"/>
    </row>
    <row r="571" spans="10:10" ht="13.5" hidden="1" customHeight="1" x14ac:dyDescent="0.25">
      <c r="J571" s="37"/>
    </row>
    <row r="572" spans="10:10" ht="13.5" hidden="1" customHeight="1" x14ac:dyDescent="0.25">
      <c r="J572" s="37"/>
    </row>
    <row r="573" spans="10:10" ht="13.5" hidden="1" customHeight="1" x14ac:dyDescent="0.25">
      <c r="J573" s="37"/>
    </row>
    <row r="574" spans="10:10" ht="13.5" hidden="1" customHeight="1" x14ac:dyDescent="0.25">
      <c r="J574" s="37"/>
    </row>
    <row r="575" spans="10:10" ht="13.5" hidden="1" customHeight="1" x14ac:dyDescent="0.25">
      <c r="J575" s="37"/>
    </row>
    <row r="576" spans="10:10" ht="13.5" hidden="1" customHeight="1" x14ac:dyDescent="0.25">
      <c r="J576" s="37"/>
    </row>
    <row r="577" spans="10:10" ht="13.5" hidden="1" customHeight="1" x14ac:dyDescent="0.25">
      <c r="J577" s="37"/>
    </row>
    <row r="578" spans="10:10" ht="13.5" hidden="1" customHeight="1" x14ac:dyDescent="0.25">
      <c r="J578" s="37"/>
    </row>
    <row r="579" spans="10:10" ht="13.5" hidden="1" customHeight="1" x14ac:dyDescent="0.25">
      <c r="J579" s="37"/>
    </row>
    <row r="580" spans="10:10" ht="13.5" hidden="1" customHeight="1" x14ac:dyDescent="0.25">
      <c r="J580" s="37"/>
    </row>
    <row r="581" spans="10:10" ht="13.5" hidden="1" customHeight="1" x14ac:dyDescent="0.25">
      <c r="J581" s="37"/>
    </row>
    <row r="582" spans="10:10" ht="13.5" hidden="1" customHeight="1" x14ac:dyDescent="0.25">
      <c r="J582" s="37"/>
    </row>
    <row r="583" spans="10:10" ht="13.5" hidden="1" customHeight="1" x14ac:dyDescent="0.25">
      <c r="J583" s="37"/>
    </row>
    <row r="584" spans="10:10" ht="13.5" hidden="1" customHeight="1" x14ac:dyDescent="0.25">
      <c r="J584" s="37"/>
    </row>
    <row r="585" spans="10:10" ht="13.5" hidden="1" customHeight="1" x14ac:dyDescent="0.25">
      <c r="J585" s="37"/>
    </row>
    <row r="586" spans="10:10" ht="13.5" hidden="1" customHeight="1" x14ac:dyDescent="0.25">
      <c r="J586" s="37"/>
    </row>
    <row r="587" spans="10:10" ht="13.5" hidden="1" customHeight="1" x14ac:dyDescent="0.25">
      <c r="J587" s="37"/>
    </row>
    <row r="588" spans="10:10" ht="13.5" hidden="1" customHeight="1" x14ac:dyDescent="0.25">
      <c r="J588" s="37"/>
    </row>
    <row r="589" spans="10:10" ht="13.5" hidden="1" customHeight="1" x14ac:dyDescent="0.25">
      <c r="J589" s="37"/>
    </row>
    <row r="590" spans="10:10" ht="13.5" hidden="1" customHeight="1" x14ac:dyDescent="0.25">
      <c r="J590" s="37"/>
    </row>
    <row r="591" spans="10:10" ht="13.5" hidden="1" customHeight="1" x14ac:dyDescent="0.25">
      <c r="J591" s="37"/>
    </row>
    <row r="592" spans="10:10" ht="13.5" hidden="1" customHeight="1" x14ac:dyDescent="0.25">
      <c r="J592" s="37"/>
    </row>
    <row r="593" spans="10:10" ht="13.5" hidden="1" customHeight="1" x14ac:dyDescent="0.25">
      <c r="J593" s="37"/>
    </row>
    <row r="594" spans="10:10" ht="13.5" hidden="1" customHeight="1" x14ac:dyDescent="0.25">
      <c r="J594" s="37"/>
    </row>
    <row r="595" spans="10:10" ht="13.5" hidden="1" customHeight="1" x14ac:dyDescent="0.25">
      <c r="J595" s="37"/>
    </row>
    <row r="596" spans="10:10" ht="13.5" hidden="1" customHeight="1" x14ac:dyDescent="0.25">
      <c r="J596" s="37"/>
    </row>
    <row r="597" spans="10:10" ht="13.5" hidden="1" customHeight="1" x14ac:dyDescent="0.25">
      <c r="J597" s="37"/>
    </row>
    <row r="598" spans="10:10" ht="13.5" hidden="1" customHeight="1" x14ac:dyDescent="0.25">
      <c r="J598" s="37"/>
    </row>
    <row r="599" spans="10:10" ht="13.5" hidden="1" customHeight="1" x14ac:dyDescent="0.25">
      <c r="J599" s="37"/>
    </row>
    <row r="600" spans="10:10" ht="13.5" hidden="1" customHeight="1" x14ac:dyDescent="0.25">
      <c r="J600" s="37"/>
    </row>
    <row r="601" spans="10:10" ht="13.5" hidden="1" customHeight="1" x14ac:dyDescent="0.25">
      <c r="J601" s="37"/>
    </row>
    <row r="602" spans="10:10" ht="13.5" hidden="1" customHeight="1" x14ac:dyDescent="0.25">
      <c r="J602" s="37"/>
    </row>
    <row r="603" spans="10:10" ht="13.5" hidden="1" customHeight="1" x14ac:dyDescent="0.25">
      <c r="J603" s="37"/>
    </row>
    <row r="604" spans="10:10" ht="13.5" hidden="1" customHeight="1" x14ac:dyDescent="0.25">
      <c r="J604" s="37"/>
    </row>
    <row r="605" spans="10:10" ht="13.5" hidden="1" customHeight="1" x14ac:dyDescent="0.25">
      <c r="J605" s="37"/>
    </row>
    <row r="606" spans="10:10" ht="13.5" hidden="1" customHeight="1" x14ac:dyDescent="0.25">
      <c r="J606" s="37"/>
    </row>
    <row r="607" spans="10:10" ht="13.5" hidden="1" customHeight="1" x14ac:dyDescent="0.25">
      <c r="J607" s="37"/>
    </row>
    <row r="608" spans="10:10" ht="13.5" hidden="1" customHeight="1" x14ac:dyDescent="0.25">
      <c r="J608" s="37"/>
    </row>
    <row r="609" spans="10:10" ht="13.5" hidden="1" customHeight="1" x14ac:dyDescent="0.25">
      <c r="J609" s="37"/>
    </row>
    <row r="610" spans="10:10" ht="13.5" hidden="1" customHeight="1" x14ac:dyDescent="0.25">
      <c r="J610" s="37"/>
    </row>
    <row r="611" spans="10:10" ht="13.5" hidden="1" customHeight="1" x14ac:dyDescent="0.25">
      <c r="J611" s="37"/>
    </row>
    <row r="612" spans="10:10" ht="13.5" hidden="1" customHeight="1" x14ac:dyDescent="0.25">
      <c r="J612" s="37"/>
    </row>
    <row r="613" spans="10:10" ht="13.5" hidden="1" customHeight="1" x14ac:dyDescent="0.25">
      <c r="J613" s="37"/>
    </row>
    <row r="614" spans="10:10" ht="13.5" hidden="1" customHeight="1" x14ac:dyDescent="0.25">
      <c r="J614" s="37"/>
    </row>
    <row r="615" spans="10:10" ht="13.5" hidden="1" customHeight="1" x14ac:dyDescent="0.25">
      <c r="J615" s="37"/>
    </row>
    <row r="616" spans="10:10" ht="13.5" hidden="1" customHeight="1" x14ac:dyDescent="0.25">
      <c r="J616" s="37"/>
    </row>
    <row r="617" spans="10:10" ht="13.5" hidden="1" customHeight="1" x14ac:dyDescent="0.25">
      <c r="J617" s="37"/>
    </row>
    <row r="618" spans="10:10" ht="13.5" hidden="1" customHeight="1" x14ac:dyDescent="0.25">
      <c r="J618" s="37"/>
    </row>
    <row r="619" spans="10:10" ht="13.5" hidden="1" customHeight="1" x14ac:dyDescent="0.25">
      <c r="J619" s="37"/>
    </row>
    <row r="620" spans="10:10" ht="13.5" hidden="1" customHeight="1" x14ac:dyDescent="0.25">
      <c r="J620" s="37"/>
    </row>
    <row r="621" spans="10:10" ht="13.5" hidden="1" customHeight="1" x14ac:dyDescent="0.25">
      <c r="J621" s="37"/>
    </row>
    <row r="622" spans="10:10" ht="13.5" hidden="1" customHeight="1" x14ac:dyDescent="0.25">
      <c r="J622" s="37"/>
    </row>
    <row r="623" spans="10:10" ht="13.5" hidden="1" customHeight="1" x14ac:dyDescent="0.25">
      <c r="J623" s="37"/>
    </row>
    <row r="624" spans="10:10" ht="13.5" hidden="1" customHeight="1" x14ac:dyDescent="0.25">
      <c r="J624" s="37"/>
    </row>
    <row r="625" spans="10:10" ht="13.5" hidden="1" customHeight="1" x14ac:dyDescent="0.25">
      <c r="J625" s="37"/>
    </row>
    <row r="626" spans="10:10" ht="13.5" hidden="1" customHeight="1" x14ac:dyDescent="0.25">
      <c r="J626" s="37"/>
    </row>
    <row r="627" spans="10:10" ht="13.5" hidden="1" customHeight="1" x14ac:dyDescent="0.25">
      <c r="J627" s="37"/>
    </row>
    <row r="628" spans="10:10" ht="13.5" hidden="1" customHeight="1" x14ac:dyDescent="0.25">
      <c r="J628" s="37"/>
    </row>
    <row r="629" spans="10:10" ht="13.5" hidden="1" customHeight="1" x14ac:dyDescent="0.25">
      <c r="J629" s="37"/>
    </row>
    <row r="630" spans="10:10" ht="13.5" hidden="1" customHeight="1" x14ac:dyDescent="0.25">
      <c r="J630" s="37"/>
    </row>
    <row r="631" spans="10:10" ht="13.5" hidden="1" customHeight="1" x14ac:dyDescent="0.25">
      <c r="J631" s="37"/>
    </row>
    <row r="632" spans="10:10" ht="13.5" hidden="1" customHeight="1" x14ac:dyDescent="0.25">
      <c r="J632" s="37"/>
    </row>
    <row r="633" spans="10:10" ht="13.5" hidden="1" customHeight="1" x14ac:dyDescent="0.25">
      <c r="J633" s="37"/>
    </row>
    <row r="634" spans="10:10" ht="13.5" hidden="1" customHeight="1" x14ac:dyDescent="0.25">
      <c r="J634" s="37"/>
    </row>
    <row r="635" spans="10:10" ht="13.5" hidden="1" customHeight="1" x14ac:dyDescent="0.25">
      <c r="J635" s="37"/>
    </row>
    <row r="636" spans="10:10" ht="13.5" hidden="1" customHeight="1" x14ac:dyDescent="0.25">
      <c r="J636" s="37"/>
    </row>
    <row r="637" spans="10:10" ht="13.5" hidden="1" customHeight="1" x14ac:dyDescent="0.25">
      <c r="J637" s="37"/>
    </row>
    <row r="638" spans="10:10" ht="13.5" hidden="1" customHeight="1" x14ac:dyDescent="0.25">
      <c r="J638" s="37"/>
    </row>
    <row r="639" spans="10:10" ht="13.5" hidden="1" customHeight="1" x14ac:dyDescent="0.25">
      <c r="J639" s="37"/>
    </row>
    <row r="640" spans="10:10" ht="13.5" hidden="1" customHeight="1" x14ac:dyDescent="0.25">
      <c r="J640" s="37"/>
    </row>
    <row r="641" spans="10:10" ht="13.5" hidden="1" customHeight="1" x14ac:dyDescent="0.25">
      <c r="J641" s="37"/>
    </row>
    <row r="642" spans="10:10" ht="13.5" hidden="1" customHeight="1" x14ac:dyDescent="0.25">
      <c r="J642" s="37"/>
    </row>
    <row r="643" spans="10:10" ht="13.5" hidden="1" customHeight="1" x14ac:dyDescent="0.25">
      <c r="J643" s="37"/>
    </row>
    <row r="644" spans="10:10" ht="13.5" hidden="1" customHeight="1" x14ac:dyDescent="0.25">
      <c r="J644" s="37"/>
    </row>
    <row r="645" spans="10:10" ht="13.5" hidden="1" customHeight="1" x14ac:dyDescent="0.25">
      <c r="J645" s="37"/>
    </row>
    <row r="646" spans="10:10" ht="13.5" hidden="1" customHeight="1" x14ac:dyDescent="0.25">
      <c r="J646" s="37"/>
    </row>
    <row r="647" spans="10:10" ht="13.5" hidden="1" customHeight="1" x14ac:dyDescent="0.25">
      <c r="J647" s="37"/>
    </row>
    <row r="648" spans="10:10" ht="13.5" hidden="1" customHeight="1" x14ac:dyDescent="0.25">
      <c r="J648" s="37"/>
    </row>
    <row r="649" spans="10:10" ht="13.5" hidden="1" customHeight="1" x14ac:dyDescent="0.25">
      <c r="J649" s="37"/>
    </row>
    <row r="650" spans="10:10" ht="13.5" hidden="1" customHeight="1" x14ac:dyDescent="0.25">
      <c r="J650" s="37"/>
    </row>
    <row r="651" spans="10:10" ht="13.5" hidden="1" customHeight="1" x14ac:dyDescent="0.25">
      <c r="J651" s="37"/>
    </row>
    <row r="652" spans="10:10" ht="13.5" hidden="1" customHeight="1" x14ac:dyDescent="0.25">
      <c r="J652" s="37"/>
    </row>
    <row r="653" spans="10:10" ht="13.5" hidden="1" customHeight="1" x14ac:dyDescent="0.25">
      <c r="J653" s="37"/>
    </row>
    <row r="654" spans="10:10" ht="13.5" hidden="1" customHeight="1" x14ac:dyDescent="0.25">
      <c r="J654" s="37"/>
    </row>
    <row r="655" spans="10:10" ht="13.5" hidden="1" customHeight="1" x14ac:dyDescent="0.25">
      <c r="J655" s="37"/>
    </row>
    <row r="656" spans="10:10" ht="13.5" hidden="1" customHeight="1" x14ac:dyDescent="0.25">
      <c r="J656" s="37"/>
    </row>
    <row r="657" spans="10:10" ht="13.5" hidden="1" customHeight="1" x14ac:dyDescent="0.25">
      <c r="J657" s="37"/>
    </row>
    <row r="658" spans="10:10" ht="13.5" hidden="1" customHeight="1" x14ac:dyDescent="0.25">
      <c r="J658" s="37"/>
    </row>
    <row r="659" spans="10:10" ht="13.5" hidden="1" customHeight="1" x14ac:dyDescent="0.25">
      <c r="J659" s="37"/>
    </row>
    <row r="660" spans="10:10" ht="13.5" hidden="1" customHeight="1" x14ac:dyDescent="0.25">
      <c r="J660" s="37"/>
    </row>
    <row r="661" spans="10:10" ht="13.5" hidden="1" customHeight="1" x14ac:dyDescent="0.25">
      <c r="J661" s="37"/>
    </row>
    <row r="662" spans="10:10" ht="13.5" hidden="1" customHeight="1" x14ac:dyDescent="0.25">
      <c r="J662" s="37"/>
    </row>
    <row r="663" spans="10:10" ht="13.5" hidden="1" customHeight="1" x14ac:dyDescent="0.25">
      <c r="J663" s="37"/>
    </row>
    <row r="664" spans="10:10" ht="13.5" hidden="1" customHeight="1" x14ac:dyDescent="0.25">
      <c r="J664" s="37"/>
    </row>
    <row r="665" spans="10:10" ht="13.5" hidden="1" customHeight="1" x14ac:dyDescent="0.25">
      <c r="J665" s="37"/>
    </row>
    <row r="666" spans="10:10" ht="13.5" hidden="1" customHeight="1" x14ac:dyDescent="0.25">
      <c r="J666" s="37"/>
    </row>
    <row r="667" spans="10:10" ht="13.5" hidden="1" customHeight="1" x14ac:dyDescent="0.25">
      <c r="J667" s="37"/>
    </row>
    <row r="668" spans="10:10" ht="13.5" hidden="1" customHeight="1" x14ac:dyDescent="0.25">
      <c r="J668" s="37"/>
    </row>
    <row r="669" spans="10:10" ht="13.5" hidden="1" customHeight="1" x14ac:dyDescent="0.25">
      <c r="J669" s="37"/>
    </row>
    <row r="670" spans="10:10" ht="13.5" hidden="1" customHeight="1" x14ac:dyDescent="0.25">
      <c r="J670" s="37"/>
    </row>
    <row r="671" spans="10:10" ht="13.5" hidden="1" customHeight="1" x14ac:dyDescent="0.25">
      <c r="J671" s="37"/>
    </row>
    <row r="672" spans="10:10" ht="13.5" hidden="1" customHeight="1" x14ac:dyDescent="0.25">
      <c r="J672" s="37"/>
    </row>
    <row r="673" spans="10:10" ht="13.5" hidden="1" customHeight="1" x14ac:dyDescent="0.25">
      <c r="J673" s="37"/>
    </row>
    <row r="674" spans="10:10" ht="13.5" hidden="1" customHeight="1" x14ac:dyDescent="0.25">
      <c r="J674" s="37"/>
    </row>
    <row r="675" spans="10:10" ht="13.5" hidden="1" customHeight="1" x14ac:dyDescent="0.25">
      <c r="J675" s="37"/>
    </row>
    <row r="676" spans="10:10" ht="13.5" hidden="1" customHeight="1" x14ac:dyDescent="0.25">
      <c r="J676" s="37"/>
    </row>
    <row r="677" spans="10:10" ht="13.5" hidden="1" customHeight="1" x14ac:dyDescent="0.25">
      <c r="J677" s="37"/>
    </row>
    <row r="678" spans="10:10" ht="13.5" hidden="1" customHeight="1" x14ac:dyDescent="0.25">
      <c r="J678" s="37"/>
    </row>
    <row r="679" spans="10:10" ht="13.5" hidden="1" customHeight="1" x14ac:dyDescent="0.25">
      <c r="J679" s="37"/>
    </row>
    <row r="680" spans="10:10" ht="13.5" hidden="1" customHeight="1" x14ac:dyDescent="0.25">
      <c r="J680" s="37"/>
    </row>
    <row r="681" spans="10:10" ht="13.5" hidden="1" customHeight="1" x14ac:dyDescent="0.25">
      <c r="J681" s="37"/>
    </row>
    <row r="682" spans="10:10" ht="13.5" hidden="1" customHeight="1" x14ac:dyDescent="0.25">
      <c r="J682" s="37"/>
    </row>
    <row r="683" spans="10:10" ht="13.5" hidden="1" customHeight="1" x14ac:dyDescent="0.25">
      <c r="J683" s="37"/>
    </row>
    <row r="684" spans="10:10" ht="13.5" hidden="1" customHeight="1" x14ac:dyDescent="0.25">
      <c r="J684" s="37"/>
    </row>
    <row r="685" spans="10:10" ht="13.5" hidden="1" customHeight="1" x14ac:dyDescent="0.25">
      <c r="J685" s="37"/>
    </row>
    <row r="686" spans="10:10" ht="13.5" hidden="1" customHeight="1" x14ac:dyDescent="0.25">
      <c r="J686" s="37"/>
    </row>
    <row r="687" spans="10:10" ht="13.5" hidden="1" customHeight="1" x14ac:dyDescent="0.25">
      <c r="J687" s="37"/>
    </row>
    <row r="688" spans="10:10" ht="13.5" hidden="1" customHeight="1" x14ac:dyDescent="0.25">
      <c r="J688" s="37"/>
    </row>
    <row r="689" spans="10:10" ht="13.5" hidden="1" customHeight="1" x14ac:dyDescent="0.25">
      <c r="J689" s="37"/>
    </row>
    <row r="690" spans="10:10" ht="13.5" hidden="1" customHeight="1" x14ac:dyDescent="0.25">
      <c r="J690" s="37"/>
    </row>
    <row r="691" spans="10:10" ht="13.5" hidden="1" customHeight="1" x14ac:dyDescent="0.25">
      <c r="J691" s="37"/>
    </row>
    <row r="692" spans="10:10" ht="13.5" hidden="1" customHeight="1" x14ac:dyDescent="0.25">
      <c r="J692" s="37"/>
    </row>
    <row r="693" spans="10:10" ht="13.5" hidden="1" customHeight="1" x14ac:dyDescent="0.25">
      <c r="J693" s="37"/>
    </row>
    <row r="694" spans="10:10" ht="13.5" hidden="1" customHeight="1" x14ac:dyDescent="0.25">
      <c r="J694" s="37"/>
    </row>
    <row r="695" spans="10:10" ht="13.5" hidden="1" customHeight="1" x14ac:dyDescent="0.25">
      <c r="J695" s="37"/>
    </row>
    <row r="696" spans="10:10" ht="13.5" hidden="1" customHeight="1" x14ac:dyDescent="0.25">
      <c r="J696" s="37"/>
    </row>
    <row r="697" spans="10:10" ht="13.5" hidden="1" customHeight="1" x14ac:dyDescent="0.25">
      <c r="J697" s="37"/>
    </row>
    <row r="698" spans="10:10" ht="13.5" hidden="1" customHeight="1" x14ac:dyDescent="0.25">
      <c r="J698" s="37"/>
    </row>
    <row r="699" spans="10:10" ht="13.5" hidden="1" customHeight="1" x14ac:dyDescent="0.25">
      <c r="J699" s="37"/>
    </row>
    <row r="700" spans="10:10" ht="13.5" hidden="1" customHeight="1" x14ac:dyDescent="0.25">
      <c r="J700" s="37"/>
    </row>
    <row r="701" spans="10:10" ht="13.5" hidden="1" customHeight="1" x14ac:dyDescent="0.25">
      <c r="J701" s="37"/>
    </row>
    <row r="702" spans="10:10" ht="13.5" hidden="1" customHeight="1" x14ac:dyDescent="0.25">
      <c r="J702" s="37"/>
    </row>
    <row r="703" spans="10:10" ht="13.5" hidden="1" customHeight="1" x14ac:dyDescent="0.25">
      <c r="J703" s="37"/>
    </row>
    <row r="704" spans="10:10" ht="13.5" hidden="1" customHeight="1" x14ac:dyDescent="0.25">
      <c r="J704" s="37"/>
    </row>
    <row r="705" spans="10:10" ht="13.5" hidden="1" customHeight="1" x14ac:dyDescent="0.25">
      <c r="J705" s="37"/>
    </row>
    <row r="706" spans="10:10" ht="13.5" hidden="1" customHeight="1" x14ac:dyDescent="0.25">
      <c r="J706" s="37"/>
    </row>
    <row r="707" spans="10:10" ht="13.5" hidden="1" customHeight="1" x14ac:dyDescent="0.25">
      <c r="J707" s="37"/>
    </row>
    <row r="708" spans="10:10" ht="13.5" hidden="1" customHeight="1" x14ac:dyDescent="0.25">
      <c r="J708" s="37"/>
    </row>
    <row r="709" spans="10:10" ht="13.5" hidden="1" customHeight="1" x14ac:dyDescent="0.25">
      <c r="J709" s="37"/>
    </row>
    <row r="710" spans="10:10" ht="13.5" hidden="1" customHeight="1" x14ac:dyDescent="0.25">
      <c r="J710" s="37"/>
    </row>
    <row r="711" spans="10:10" ht="13.5" hidden="1" customHeight="1" x14ac:dyDescent="0.25">
      <c r="J711" s="37"/>
    </row>
    <row r="712" spans="10:10" ht="13.5" hidden="1" customHeight="1" x14ac:dyDescent="0.25">
      <c r="J712" s="37"/>
    </row>
    <row r="713" spans="10:10" ht="13.5" hidden="1" customHeight="1" x14ac:dyDescent="0.25">
      <c r="J713" s="37"/>
    </row>
    <row r="714" spans="10:10" ht="13.5" hidden="1" customHeight="1" x14ac:dyDescent="0.25">
      <c r="J714" s="37"/>
    </row>
    <row r="715" spans="10:10" ht="13.5" hidden="1" customHeight="1" x14ac:dyDescent="0.25">
      <c r="J715" s="37"/>
    </row>
    <row r="716" spans="10:10" ht="13.5" hidden="1" customHeight="1" x14ac:dyDescent="0.25">
      <c r="J716" s="37"/>
    </row>
    <row r="717" spans="10:10" ht="13.5" hidden="1" customHeight="1" x14ac:dyDescent="0.25">
      <c r="J717" s="37"/>
    </row>
    <row r="718" spans="10:10" ht="13.5" hidden="1" customHeight="1" x14ac:dyDescent="0.25">
      <c r="J718" s="37"/>
    </row>
    <row r="719" spans="10:10" ht="13.5" hidden="1" customHeight="1" x14ac:dyDescent="0.25">
      <c r="J719" s="37"/>
    </row>
    <row r="720" spans="10:10" ht="13.5" hidden="1" customHeight="1" x14ac:dyDescent="0.25">
      <c r="J720" s="37"/>
    </row>
    <row r="721" spans="10:10" ht="13.5" hidden="1" customHeight="1" x14ac:dyDescent="0.25">
      <c r="J721" s="37"/>
    </row>
    <row r="722" spans="10:10" ht="13.5" hidden="1" customHeight="1" x14ac:dyDescent="0.25">
      <c r="J722" s="37"/>
    </row>
    <row r="723" spans="10:10" ht="13.5" hidden="1" customHeight="1" x14ac:dyDescent="0.25">
      <c r="J723" s="37"/>
    </row>
    <row r="724" spans="10:10" ht="13.5" hidden="1" customHeight="1" x14ac:dyDescent="0.25">
      <c r="J724" s="37"/>
    </row>
    <row r="725" spans="10:10" ht="13.5" hidden="1" customHeight="1" x14ac:dyDescent="0.25">
      <c r="J725" s="37"/>
    </row>
    <row r="726" spans="10:10" ht="13.5" hidden="1" customHeight="1" x14ac:dyDescent="0.25">
      <c r="J726" s="37"/>
    </row>
    <row r="727" spans="10:10" ht="13.5" hidden="1" customHeight="1" x14ac:dyDescent="0.25">
      <c r="J727" s="37"/>
    </row>
    <row r="728" spans="10:10" ht="13.5" hidden="1" customHeight="1" x14ac:dyDescent="0.25">
      <c r="J728" s="37"/>
    </row>
    <row r="729" spans="10:10" ht="13.5" hidden="1" customHeight="1" x14ac:dyDescent="0.25">
      <c r="J729" s="37"/>
    </row>
    <row r="730" spans="10:10" ht="13.5" hidden="1" customHeight="1" x14ac:dyDescent="0.25">
      <c r="J730" s="37"/>
    </row>
    <row r="731" spans="10:10" ht="13.5" hidden="1" customHeight="1" x14ac:dyDescent="0.25">
      <c r="J731" s="37"/>
    </row>
    <row r="732" spans="10:10" ht="13.5" hidden="1" customHeight="1" x14ac:dyDescent="0.25">
      <c r="J732" s="37"/>
    </row>
    <row r="733" spans="10:10" ht="13.5" hidden="1" customHeight="1" x14ac:dyDescent="0.25">
      <c r="J733" s="37"/>
    </row>
    <row r="734" spans="10:10" ht="13.5" hidden="1" customHeight="1" x14ac:dyDescent="0.25">
      <c r="J734" s="37"/>
    </row>
    <row r="735" spans="10:10" ht="13.5" hidden="1" customHeight="1" x14ac:dyDescent="0.25">
      <c r="J735" s="37"/>
    </row>
    <row r="736" spans="10:10" ht="13.5" hidden="1" customHeight="1" x14ac:dyDescent="0.25">
      <c r="J736" s="37"/>
    </row>
    <row r="737" spans="10:10" ht="13.5" hidden="1" customHeight="1" x14ac:dyDescent="0.25">
      <c r="J737" s="37"/>
    </row>
    <row r="738" spans="10:10" ht="13.5" hidden="1" customHeight="1" x14ac:dyDescent="0.25">
      <c r="J738" s="37"/>
    </row>
    <row r="739" spans="10:10" ht="13.5" hidden="1" customHeight="1" x14ac:dyDescent="0.25">
      <c r="J739" s="37"/>
    </row>
    <row r="740" spans="10:10" ht="13.5" hidden="1" customHeight="1" x14ac:dyDescent="0.25">
      <c r="J740" s="37"/>
    </row>
    <row r="741" spans="10:10" ht="13.5" hidden="1" customHeight="1" x14ac:dyDescent="0.25">
      <c r="J741" s="37"/>
    </row>
    <row r="742" spans="10:10" ht="13.5" hidden="1" customHeight="1" x14ac:dyDescent="0.25">
      <c r="J742" s="37"/>
    </row>
    <row r="743" spans="10:10" ht="13.5" hidden="1" customHeight="1" x14ac:dyDescent="0.25">
      <c r="J743" s="37"/>
    </row>
    <row r="744" spans="10:10" ht="13.5" hidden="1" customHeight="1" x14ac:dyDescent="0.25">
      <c r="J744" s="37"/>
    </row>
    <row r="745" spans="10:10" ht="13.5" hidden="1" customHeight="1" x14ac:dyDescent="0.25">
      <c r="J745" s="37"/>
    </row>
    <row r="746" spans="10:10" ht="13.5" hidden="1" customHeight="1" x14ac:dyDescent="0.25">
      <c r="J746" s="37"/>
    </row>
    <row r="747" spans="10:10" ht="13.5" hidden="1" customHeight="1" x14ac:dyDescent="0.25">
      <c r="J747" s="37"/>
    </row>
    <row r="748" spans="10:10" ht="13.5" hidden="1" customHeight="1" x14ac:dyDescent="0.25">
      <c r="J748" s="37"/>
    </row>
    <row r="749" spans="10:10" ht="13.5" hidden="1" customHeight="1" x14ac:dyDescent="0.25">
      <c r="J749" s="37"/>
    </row>
    <row r="750" spans="10:10" ht="13.5" hidden="1" customHeight="1" x14ac:dyDescent="0.25">
      <c r="J750" s="37"/>
    </row>
    <row r="751" spans="10:10" ht="13.5" hidden="1" customHeight="1" x14ac:dyDescent="0.25">
      <c r="J751" s="37"/>
    </row>
    <row r="752" spans="10:10" ht="13.5" hidden="1" customHeight="1" x14ac:dyDescent="0.25">
      <c r="J752" s="37"/>
    </row>
    <row r="753" spans="10:10" ht="13.5" hidden="1" customHeight="1" x14ac:dyDescent="0.25">
      <c r="J753" s="37"/>
    </row>
    <row r="754" spans="10:10" ht="13.5" hidden="1" customHeight="1" x14ac:dyDescent="0.25">
      <c r="J754" s="37"/>
    </row>
    <row r="755" spans="10:10" ht="13.5" hidden="1" customHeight="1" x14ac:dyDescent="0.25">
      <c r="J755" s="37"/>
    </row>
    <row r="756" spans="10:10" ht="13.5" hidden="1" customHeight="1" x14ac:dyDescent="0.25">
      <c r="J756" s="37"/>
    </row>
    <row r="757" spans="10:10" ht="13.5" hidden="1" customHeight="1" x14ac:dyDescent="0.25">
      <c r="J757" s="37"/>
    </row>
    <row r="758" spans="10:10" ht="13.5" hidden="1" customHeight="1" x14ac:dyDescent="0.25">
      <c r="J758" s="37"/>
    </row>
    <row r="759" spans="10:10" ht="13.5" hidden="1" customHeight="1" x14ac:dyDescent="0.25">
      <c r="J759" s="37"/>
    </row>
    <row r="760" spans="10:10" ht="13.5" hidden="1" customHeight="1" x14ac:dyDescent="0.25">
      <c r="J760" s="37"/>
    </row>
    <row r="761" spans="10:10" ht="13.5" hidden="1" customHeight="1" x14ac:dyDescent="0.25">
      <c r="J761" s="37"/>
    </row>
    <row r="762" spans="10:10" ht="13.5" hidden="1" customHeight="1" x14ac:dyDescent="0.25">
      <c r="J762" s="37"/>
    </row>
    <row r="763" spans="10:10" ht="13.5" hidden="1" customHeight="1" x14ac:dyDescent="0.25">
      <c r="J763" s="37"/>
    </row>
    <row r="764" spans="10:10" ht="13.5" hidden="1" customHeight="1" x14ac:dyDescent="0.25">
      <c r="J764" s="37"/>
    </row>
    <row r="765" spans="10:10" ht="13.5" hidden="1" customHeight="1" x14ac:dyDescent="0.25">
      <c r="J765" s="37"/>
    </row>
    <row r="766" spans="10:10" ht="13.5" hidden="1" customHeight="1" x14ac:dyDescent="0.25">
      <c r="J766" s="37"/>
    </row>
    <row r="767" spans="10:10" ht="13.5" hidden="1" customHeight="1" x14ac:dyDescent="0.25">
      <c r="J767" s="37"/>
    </row>
    <row r="768" spans="10:10" ht="13.5" hidden="1" customHeight="1" x14ac:dyDescent="0.25">
      <c r="J768" s="37"/>
    </row>
    <row r="769" spans="10:10" ht="13.5" hidden="1" customHeight="1" x14ac:dyDescent="0.25">
      <c r="J769" s="37"/>
    </row>
    <row r="770" spans="10:10" ht="13.5" hidden="1" customHeight="1" x14ac:dyDescent="0.25">
      <c r="J770" s="37"/>
    </row>
    <row r="771" spans="10:10" ht="13.5" hidden="1" customHeight="1" x14ac:dyDescent="0.25">
      <c r="J771" s="37"/>
    </row>
    <row r="772" spans="10:10" ht="13.5" hidden="1" customHeight="1" x14ac:dyDescent="0.25">
      <c r="J772" s="37"/>
    </row>
    <row r="773" spans="10:10" ht="13.5" hidden="1" customHeight="1" x14ac:dyDescent="0.25">
      <c r="J773" s="37"/>
    </row>
    <row r="774" spans="10:10" ht="13.5" hidden="1" customHeight="1" x14ac:dyDescent="0.25">
      <c r="J774" s="37"/>
    </row>
    <row r="775" spans="10:10" ht="13.5" hidden="1" customHeight="1" x14ac:dyDescent="0.25">
      <c r="J775" s="37"/>
    </row>
    <row r="776" spans="10:10" ht="13.5" hidden="1" customHeight="1" x14ac:dyDescent="0.25">
      <c r="J776" s="37"/>
    </row>
    <row r="777" spans="10:10" ht="13.5" hidden="1" customHeight="1" x14ac:dyDescent="0.25">
      <c r="J777" s="37"/>
    </row>
    <row r="778" spans="10:10" ht="13.5" hidden="1" customHeight="1" x14ac:dyDescent="0.25">
      <c r="J778" s="37"/>
    </row>
    <row r="779" spans="10:10" ht="13.5" hidden="1" customHeight="1" x14ac:dyDescent="0.25">
      <c r="J779" s="37"/>
    </row>
    <row r="780" spans="10:10" ht="13.5" hidden="1" customHeight="1" x14ac:dyDescent="0.25">
      <c r="J780" s="37"/>
    </row>
    <row r="781" spans="10:10" ht="13.5" hidden="1" customHeight="1" x14ac:dyDescent="0.25">
      <c r="J781" s="37"/>
    </row>
    <row r="782" spans="10:10" ht="13.5" hidden="1" customHeight="1" x14ac:dyDescent="0.25">
      <c r="J782" s="37"/>
    </row>
    <row r="783" spans="10:10" ht="13.5" hidden="1" customHeight="1" x14ac:dyDescent="0.25">
      <c r="J783" s="37"/>
    </row>
    <row r="784" spans="10:10" ht="13.5" hidden="1" customHeight="1" x14ac:dyDescent="0.25">
      <c r="J784" s="37"/>
    </row>
    <row r="785" spans="10:10" ht="13.5" hidden="1" customHeight="1" x14ac:dyDescent="0.25">
      <c r="J785" s="37"/>
    </row>
    <row r="786" spans="10:10" ht="13.5" hidden="1" customHeight="1" x14ac:dyDescent="0.25">
      <c r="J786" s="37"/>
    </row>
    <row r="787" spans="10:10" ht="13.5" hidden="1" customHeight="1" x14ac:dyDescent="0.25">
      <c r="J787" s="37"/>
    </row>
    <row r="788" spans="10:10" ht="13.5" hidden="1" customHeight="1" x14ac:dyDescent="0.25">
      <c r="J788" s="37"/>
    </row>
    <row r="789" spans="10:10" ht="13.5" hidden="1" customHeight="1" x14ac:dyDescent="0.25">
      <c r="J789" s="37"/>
    </row>
    <row r="790" spans="10:10" ht="13.5" hidden="1" customHeight="1" x14ac:dyDescent="0.25">
      <c r="J790" s="37"/>
    </row>
    <row r="791" spans="10:10" ht="13.5" hidden="1" customHeight="1" x14ac:dyDescent="0.25">
      <c r="J791" s="37"/>
    </row>
    <row r="792" spans="10:10" ht="13.5" hidden="1" customHeight="1" x14ac:dyDescent="0.25">
      <c r="J792" s="37"/>
    </row>
    <row r="793" spans="10:10" ht="13.5" hidden="1" customHeight="1" x14ac:dyDescent="0.25">
      <c r="J793" s="37"/>
    </row>
    <row r="794" spans="10:10" ht="13.5" hidden="1" customHeight="1" x14ac:dyDescent="0.25">
      <c r="J794" s="37"/>
    </row>
    <row r="795" spans="10:10" ht="13.5" hidden="1" customHeight="1" x14ac:dyDescent="0.25">
      <c r="J795" s="37"/>
    </row>
    <row r="796" spans="10:10" ht="13.5" hidden="1" customHeight="1" x14ac:dyDescent="0.25">
      <c r="J796" s="37"/>
    </row>
    <row r="797" spans="10:10" ht="13.5" hidden="1" customHeight="1" x14ac:dyDescent="0.25">
      <c r="J797" s="37"/>
    </row>
    <row r="798" spans="10:10" ht="13.5" hidden="1" customHeight="1" x14ac:dyDescent="0.25">
      <c r="J798" s="37"/>
    </row>
    <row r="799" spans="10:10" ht="13.5" hidden="1" customHeight="1" x14ac:dyDescent="0.25">
      <c r="J799" s="37"/>
    </row>
    <row r="800" spans="10:10" ht="13.5" hidden="1" customHeight="1" x14ac:dyDescent="0.25">
      <c r="J800" s="37"/>
    </row>
    <row r="801" spans="10:10" ht="13.5" hidden="1" customHeight="1" x14ac:dyDescent="0.25">
      <c r="J801" s="37"/>
    </row>
    <row r="802" spans="10:10" ht="13.5" hidden="1" customHeight="1" x14ac:dyDescent="0.25">
      <c r="J802" s="37"/>
    </row>
    <row r="803" spans="10:10" ht="13.5" hidden="1" customHeight="1" x14ac:dyDescent="0.25">
      <c r="J803" s="37"/>
    </row>
    <row r="804" spans="10:10" ht="13.5" hidden="1" customHeight="1" x14ac:dyDescent="0.25">
      <c r="J804" s="37"/>
    </row>
    <row r="805" spans="10:10" ht="13.5" hidden="1" customHeight="1" x14ac:dyDescent="0.25">
      <c r="J805" s="37"/>
    </row>
    <row r="806" spans="10:10" ht="13.5" hidden="1" customHeight="1" x14ac:dyDescent="0.25">
      <c r="J806" s="37"/>
    </row>
    <row r="807" spans="10:10" ht="13.5" hidden="1" customHeight="1" x14ac:dyDescent="0.25">
      <c r="J807" s="37"/>
    </row>
    <row r="808" spans="10:10" ht="13.5" hidden="1" customHeight="1" x14ac:dyDescent="0.25">
      <c r="J808" s="37"/>
    </row>
    <row r="809" spans="10:10" ht="13.5" hidden="1" customHeight="1" x14ac:dyDescent="0.25">
      <c r="J809" s="37"/>
    </row>
    <row r="810" spans="10:10" ht="13.5" hidden="1" customHeight="1" x14ac:dyDescent="0.25">
      <c r="J810" s="37"/>
    </row>
    <row r="811" spans="10:10" ht="13.5" hidden="1" customHeight="1" x14ac:dyDescent="0.25">
      <c r="J811" s="37"/>
    </row>
    <row r="812" spans="10:10" ht="13.5" hidden="1" customHeight="1" x14ac:dyDescent="0.25">
      <c r="J812" s="37"/>
    </row>
    <row r="813" spans="10:10" ht="13.5" hidden="1" customHeight="1" x14ac:dyDescent="0.25">
      <c r="J813" s="37"/>
    </row>
    <row r="814" spans="10:10" ht="13.5" hidden="1" customHeight="1" x14ac:dyDescent="0.25">
      <c r="J814" s="37"/>
    </row>
    <row r="815" spans="10:10" ht="13.5" hidden="1" customHeight="1" x14ac:dyDescent="0.25">
      <c r="J815" s="37"/>
    </row>
    <row r="816" spans="10:10" ht="13.5" hidden="1" customHeight="1" x14ac:dyDescent="0.25">
      <c r="J816" s="37"/>
    </row>
    <row r="817" spans="10:10" ht="13.5" hidden="1" customHeight="1" x14ac:dyDescent="0.25">
      <c r="J817" s="37"/>
    </row>
    <row r="818" spans="10:10" ht="13.5" hidden="1" customHeight="1" x14ac:dyDescent="0.25">
      <c r="J818" s="37"/>
    </row>
    <row r="819" spans="10:10" ht="13.5" hidden="1" customHeight="1" x14ac:dyDescent="0.25">
      <c r="J819" s="37"/>
    </row>
    <row r="820" spans="10:10" ht="13.5" hidden="1" customHeight="1" x14ac:dyDescent="0.25">
      <c r="J820" s="37"/>
    </row>
    <row r="821" spans="10:10" ht="13.5" hidden="1" customHeight="1" x14ac:dyDescent="0.25">
      <c r="J821" s="37"/>
    </row>
    <row r="822" spans="10:10" ht="13.5" hidden="1" customHeight="1" x14ac:dyDescent="0.25">
      <c r="J822" s="37"/>
    </row>
    <row r="823" spans="10:10" ht="13.5" hidden="1" customHeight="1" x14ac:dyDescent="0.25">
      <c r="J823" s="37"/>
    </row>
    <row r="824" spans="10:10" ht="13.5" hidden="1" customHeight="1" x14ac:dyDescent="0.25">
      <c r="J824" s="37"/>
    </row>
    <row r="825" spans="10:10" ht="13.5" hidden="1" customHeight="1" x14ac:dyDescent="0.25">
      <c r="J825" s="37"/>
    </row>
    <row r="826" spans="10:10" ht="13.5" hidden="1" customHeight="1" x14ac:dyDescent="0.25">
      <c r="J826" s="37"/>
    </row>
    <row r="827" spans="10:10" ht="13.5" hidden="1" customHeight="1" x14ac:dyDescent="0.25">
      <c r="J827" s="37"/>
    </row>
    <row r="828" spans="10:10" ht="13.5" hidden="1" customHeight="1" x14ac:dyDescent="0.25">
      <c r="J828" s="37"/>
    </row>
    <row r="829" spans="10:10" ht="13.5" hidden="1" customHeight="1" x14ac:dyDescent="0.25">
      <c r="J829" s="37"/>
    </row>
    <row r="830" spans="10:10" ht="13.5" hidden="1" customHeight="1" x14ac:dyDescent="0.25">
      <c r="J830" s="37"/>
    </row>
    <row r="831" spans="10:10" ht="13.5" hidden="1" customHeight="1" x14ac:dyDescent="0.25">
      <c r="J831" s="37"/>
    </row>
    <row r="832" spans="10:10" ht="13.5" hidden="1" customHeight="1" x14ac:dyDescent="0.25">
      <c r="J832" s="37"/>
    </row>
    <row r="833" spans="10:10" ht="13.5" hidden="1" customHeight="1" x14ac:dyDescent="0.25">
      <c r="J833" s="37"/>
    </row>
    <row r="834" spans="10:10" ht="13.5" hidden="1" customHeight="1" x14ac:dyDescent="0.25">
      <c r="J834" s="37"/>
    </row>
    <row r="835" spans="10:10" ht="13.5" hidden="1" customHeight="1" x14ac:dyDescent="0.25">
      <c r="J835" s="37"/>
    </row>
    <row r="836" spans="10:10" ht="13.5" hidden="1" customHeight="1" x14ac:dyDescent="0.25">
      <c r="J836" s="37"/>
    </row>
    <row r="837" spans="10:10" ht="13.5" hidden="1" customHeight="1" x14ac:dyDescent="0.25">
      <c r="J837" s="37"/>
    </row>
    <row r="838" spans="10:10" ht="13.5" hidden="1" customHeight="1" x14ac:dyDescent="0.25">
      <c r="J838" s="37"/>
    </row>
    <row r="839" spans="10:10" ht="13.5" hidden="1" customHeight="1" x14ac:dyDescent="0.25">
      <c r="J839" s="37"/>
    </row>
    <row r="840" spans="10:10" ht="13.5" hidden="1" customHeight="1" x14ac:dyDescent="0.25">
      <c r="J840" s="37"/>
    </row>
    <row r="841" spans="10:10" ht="13.5" hidden="1" customHeight="1" x14ac:dyDescent="0.25">
      <c r="J841" s="37"/>
    </row>
    <row r="842" spans="10:10" ht="13.5" hidden="1" customHeight="1" x14ac:dyDescent="0.25">
      <c r="J842" s="37"/>
    </row>
    <row r="843" spans="10:10" ht="13.5" hidden="1" customHeight="1" x14ac:dyDescent="0.25">
      <c r="J843" s="37"/>
    </row>
    <row r="844" spans="10:10" ht="13.5" hidden="1" customHeight="1" x14ac:dyDescent="0.25">
      <c r="J844" s="37"/>
    </row>
    <row r="845" spans="10:10" ht="13.5" hidden="1" customHeight="1" x14ac:dyDescent="0.25">
      <c r="J845" s="37"/>
    </row>
    <row r="846" spans="10:10" ht="13.5" hidden="1" customHeight="1" x14ac:dyDescent="0.25">
      <c r="J846" s="37"/>
    </row>
    <row r="847" spans="10:10" ht="13.5" hidden="1" customHeight="1" x14ac:dyDescent="0.25">
      <c r="J847" s="37"/>
    </row>
    <row r="848" spans="10:10" ht="13.5" hidden="1" customHeight="1" x14ac:dyDescent="0.25">
      <c r="J848" s="37"/>
    </row>
    <row r="849" spans="10:10" ht="13.5" hidden="1" customHeight="1" x14ac:dyDescent="0.25">
      <c r="J849" s="37"/>
    </row>
    <row r="850" spans="10:10" ht="13.5" hidden="1" customHeight="1" x14ac:dyDescent="0.25">
      <c r="J850" s="37"/>
    </row>
    <row r="851" spans="10:10" ht="13.5" hidden="1" customHeight="1" x14ac:dyDescent="0.25">
      <c r="J851" s="37"/>
    </row>
    <row r="852" spans="10:10" ht="13.5" hidden="1" customHeight="1" x14ac:dyDescent="0.25">
      <c r="J852" s="37"/>
    </row>
    <row r="853" spans="10:10" ht="13.5" hidden="1" customHeight="1" x14ac:dyDescent="0.25">
      <c r="J853" s="37"/>
    </row>
    <row r="854" spans="10:10" ht="13.5" hidden="1" customHeight="1" x14ac:dyDescent="0.25">
      <c r="J854" s="37"/>
    </row>
    <row r="855" spans="10:10" ht="13.5" hidden="1" customHeight="1" x14ac:dyDescent="0.25">
      <c r="J855" s="37"/>
    </row>
    <row r="856" spans="10:10" ht="13.5" hidden="1" customHeight="1" x14ac:dyDescent="0.25">
      <c r="J856" s="37"/>
    </row>
    <row r="857" spans="10:10" ht="13.5" hidden="1" customHeight="1" x14ac:dyDescent="0.25">
      <c r="J857" s="37"/>
    </row>
    <row r="858" spans="10:10" ht="13.5" hidden="1" customHeight="1" x14ac:dyDescent="0.25">
      <c r="J858" s="37"/>
    </row>
    <row r="859" spans="10:10" ht="13.5" hidden="1" customHeight="1" x14ac:dyDescent="0.25">
      <c r="J859" s="37"/>
    </row>
    <row r="860" spans="10:10" ht="13.5" hidden="1" customHeight="1" x14ac:dyDescent="0.25">
      <c r="J860" s="37"/>
    </row>
    <row r="861" spans="10:10" ht="13.5" hidden="1" customHeight="1" x14ac:dyDescent="0.25">
      <c r="J861" s="37"/>
    </row>
    <row r="862" spans="10:10" ht="13.5" hidden="1" customHeight="1" x14ac:dyDescent="0.25">
      <c r="J862" s="37"/>
    </row>
    <row r="863" spans="10:10" ht="13.5" hidden="1" customHeight="1" x14ac:dyDescent="0.25">
      <c r="J863" s="37"/>
    </row>
    <row r="864" spans="10:10" ht="13.5" hidden="1" customHeight="1" x14ac:dyDescent="0.25">
      <c r="J864" s="37"/>
    </row>
    <row r="865" spans="10:10" ht="13.5" hidden="1" customHeight="1" x14ac:dyDescent="0.25">
      <c r="J865" s="37"/>
    </row>
    <row r="866" spans="10:10" ht="13.5" hidden="1" customHeight="1" x14ac:dyDescent="0.25">
      <c r="J866" s="37"/>
    </row>
    <row r="867" spans="10:10" ht="13.5" hidden="1" customHeight="1" x14ac:dyDescent="0.25">
      <c r="J867" s="37"/>
    </row>
    <row r="868" spans="10:10" ht="13.5" hidden="1" customHeight="1" x14ac:dyDescent="0.25">
      <c r="J868" s="37"/>
    </row>
    <row r="869" spans="10:10" ht="13.5" hidden="1" customHeight="1" x14ac:dyDescent="0.25">
      <c r="J869" s="37"/>
    </row>
    <row r="870" spans="10:10" ht="13.5" hidden="1" customHeight="1" x14ac:dyDescent="0.25">
      <c r="J870" s="37"/>
    </row>
    <row r="871" spans="10:10" ht="13.5" hidden="1" customHeight="1" x14ac:dyDescent="0.25">
      <c r="J871" s="37"/>
    </row>
    <row r="872" spans="10:10" ht="13.5" hidden="1" customHeight="1" x14ac:dyDescent="0.25">
      <c r="J872" s="37"/>
    </row>
    <row r="873" spans="10:10" ht="13.5" hidden="1" customHeight="1" x14ac:dyDescent="0.25">
      <c r="J873" s="37"/>
    </row>
    <row r="874" spans="10:10" ht="13.5" hidden="1" customHeight="1" x14ac:dyDescent="0.25">
      <c r="J874" s="37"/>
    </row>
    <row r="875" spans="10:10" ht="13.5" hidden="1" customHeight="1" x14ac:dyDescent="0.25">
      <c r="J875" s="37"/>
    </row>
    <row r="876" spans="10:10" ht="13.5" hidden="1" customHeight="1" x14ac:dyDescent="0.25">
      <c r="J876" s="37"/>
    </row>
    <row r="877" spans="10:10" ht="13.5" hidden="1" customHeight="1" x14ac:dyDescent="0.25">
      <c r="J877" s="37"/>
    </row>
    <row r="878" spans="10:10" ht="13.5" hidden="1" customHeight="1" x14ac:dyDescent="0.25">
      <c r="J878" s="37"/>
    </row>
    <row r="879" spans="10:10" ht="13.5" hidden="1" customHeight="1" x14ac:dyDescent="0.25">
      <c r="J879" s="37"/>
    </row>
    <row r="880" spans="10:10" ht="13.5" hidden="1" customHeight="1" x14ac:dyDescent="0.25">
      <c r="J880" s="37"/>
    </row>
    <row r="881" spans="10:10" ht="13.5" hidden="1" customHeight="1" x14ac:dyDescent="0.25">
      <c r="J881" s="37"/>
    </row>
    <row r="882" spans="10:10" ht="13.5" hidden="1" customHeight="1" x14ac:dyDescent="0.25">
      <c r="J882" s="37"/>
    </row>
    <row r="883" spans="10:10" ht="13.5" hidden="1" customHeight="1" x14ac:dyDescent="0.25">
      <c r="J883" s="37"/>
    </row>
    <row r="884" spans="10:10" ht="13.5" hidden="1" customHeight="1" x14ac:dyDescent="0.25">
      <c r="J884" s="37"/>
    </row>
    <row r="885" spans="10:10" ht="13.5" hidden="1" customHeight="1" x14ac:dyDescent="0.25">
      <c r="J885" s="37"/>
    </row>
    <row r="886" spans="10:10" ht="13.5" hidden="1" customHeight="1" x14ac:dyDescent="0.25">
      <c r="J886" s="37"/>
    </row>
    <row r="887" spans="10:10" ht="13.5" hidden="1" customHeight="1" x14ac:dyDescent="0.25">
      <c r="J887" s="37"/>
    </row>
    <row r="888" spans="10:10" ht="13.5" hidden="1" customHeight="1" x14ac:dyDescent="0.25">
      <c r="J888" s="37"/>
    </row>
    <row r="889" spans="10:10" ht="13.5" hidden="1" customHeight="1" x14ac:dyDescent="0.25">
      <c r="J889" s="37"/>
    </row>
    <row r="890" spans="10:10" ht="13.5" hidden="1" customHeight="1" x14ac:dyDescent="0.25">
      <c r="J890" s="37"/>
    </row>
    <row r="891" spans="10:10" ht="13.5" hidden="1" customHeight="1" x14ac:dyDescent="0.25">
      <c r="J891" s="37"/>
    </row>
    <row r="892" spans="10:10" ht="13.5" hidden="1" customHeight="1" x14ac:dyDescent="0.25">
      <c r="J892" s="37"/>
    </row>
    <row r="893" spans="10:10" ht="13.5" hidden="1" customHeight="1" x14ac:dyDescent="0.25">
      <c r="J893" s="37"/>
    </row>
    <row r="894" spans="10:10" ht="13.5" hidden="1" customHeight="1" x14ac:dyDescent="0.25">
      <c r="J894" s="37"/>
    </row>
    <row r="895" spans="10:10" ht="13.5" hidden="1" customHeight="1" x14ac:dyDescent="0.25">
      <c r="J895" s="37"/>
    </row>
    <row r="896" spans="10:10" ht="13.5" hidden="1" customHeight="1" x14ac:dyDescent="0.25">
      <c r="J896" s="37"/>
    </row>
    <row r="897" spans="10:10" ht="13.5" hidden="1" customHeight="1" x14ac:dyDescent="0.25">
      <c r="J897" s="37"/>
    </row>
    <row r="898" spans="10:10" ht="13.5" hidden="1" customHeight="1" x14ac:dyDescent="0.25">
      <c r="J898" s="37"/>
    </row>
    <row r="899" spans="10:10" ht="13.5" hidden="1" customHeight="1" x14ac:dyDescent="0.25">
      <c r="J899" s="37"/>
    </row>
    <row r="900" spans="10:10" ht="13.5" hidden="1" customHeight="1" x14ac:dyDescent="0.25">
      <c r="J900" s="37"/>
    </row>
    <row r="901" spans="10:10" ht="13.5" hidden="1" customHeight="1" x14ac:dyDescent="0.25">
      <c r="J901" s="37"/>
    </row>
    <row r="902" spans="10:10" ht="13.5" hidden="1" customHeight="1" x14ac:dyDescent="0.25">
      <c r="J902" s="37"/>
    </row>
    <row r="903" spans="10:10" ht="13.5" hidden="1" customHeight="1" x14ac:dyDescent="0.25">
      <c r="J903" s="37"/>
    </row>
    <row r="904" spans="10:10" ht="13.5" hidden="1" customHeight="1" x14ac:dyDescent="0.25">
      <c r="J904" s="37"/>
    </row>
    <row r="905" spans="10:10" ht="13.5" hidden="1" customHeight="1" x14ac:dyDescent="0.25">
      <c r="J905" s="37"/>
    </row>
    <row r="906" spans="10:10" ht="13.5" hidden="1" customHeight="1" x14ac:dyDescent="0.25">
      <c r="J906" s="37"/>
    </row>
    <row r="907" spans="10:10" ht="13.5" hidden="1" customHeight="1" x14ac:dyDescent="0.25">
      <c r="J907" s="37"/>
    </row>
    <row r="908" spans="10:10" ht="13.5" hidden="1" customHeight="1" x14ac:dyDescent="0.25">
      <c r="J908" s="37"/>
    </row>
    <row r="909" spans="10:10" ht="13.5" hidden="1" customHeight="1" x14ac:dyDescent="0.25">
      <c r="J909" s="37"/>
    </row>
    <row r="910" spans="10:10" ht="13.5" hidden="1" customHeight="1" x14ac:dyDescent="0.25">
      <c r="J910" s="37"/>
    </row>
    <row r="911" spans="10:10" ht="13.5" hidden="1" customHeight="1" x14ac:dyDescent="0.25">
      <c r="J911" s="37"/>
    </row>
    <row r="912" spans="10:10" ht="13.5" hidden="1" customHeight="1" x14ac:dyDescent="0.25">
      <c r="J912" s="37"/>
    </row>
    <row r="913" spans="10:10" ht="13.5" hidden="1" customHeight="1" x14ac:dyDescent="0.25">
      <c r="J913" s="37"/>
    </row>
    <row r="914" spans="10:10" ht="13.5" hidden="1" customHeight="1" x14ac:dyDescent="0.25">
      <c r="J914" s="37"/>
    </row>
    <row r="915" spans="10:10" ht="13.5" hidden="1" customHeight="1" x14ac:dyDescent="0.25">
      <c r="J915" s="37"/>
    </row>
    <row r="916" spans="10:10" ht="13.5" hidden="1" customHeight="1" x14ac:dyDescent="0.25">
      <c r="J916" s="37"/>
    </row>
    <row r="917" spans="10:10" ht="13.5" hidden="1" customHeight="1" x14ac:dyDescent="0.25">
      <c r="J917" s="37"/>
    </row>
    <row r="918" spans="10:10" ht="13.5" hidden="1" customHeight="1" x14ac:dyDescent="0.25">
      <c r="J918" s="37"/>
    </row>
    <row r="919" spans="10:10" ht="13.5" hidden="1" customHeight="1" x14ac:dyDescent="0.25">
      <c r="J919" s="37"/>
    </row>
    <row r="920" spans="10:10" ht="13.5" hidden="1" customHeight="1" x14ac:dyDescent="0.25">
      <c r="J920" s="37"/>
    </row>
    <row r="921" spans="10:10" ht="13.5" hidden="1" customHeight="1" x14ac:dyDescent="0.25">
      <c r="J921" s="37"/>
    </row>
    <row r="922" spans="10:10" ht="13.5" hidden="1" customHeight="1" x14ac:dyDescent="0.25">
      <c r="J922" s="37"/>
    </row>
    <row r="923" spans="10:10" ht="13.5" hidden="1" customHeight="1" x14ac:dyDescent="0.25">
      <c r="J923" s="37"/>
    </row>
    <row r="924" spans="10:10" ht="13.5" hidden="1" customHeight="1" x14ac:dyDescent="0.25">
      <c r="J924" s="37"/>
    </row>
    <row r="925" spans="10:10" ht="13.5" hidden="1" customHeight="1" x14ac:dyDescent="0.25">
      <c r="J925" s="37"/>
    </row>
    <row r="926" spans="10:10" ht="13.5" hidden="1" customHeight="1" x14ac:dyDescent="0.25">
      <c r="J926" s="37"/>
    </row>
    <row r="927" spans="10:10" ht="13.5" hidden="1" customHeight="1" x14ac:dyDescent="0.25">
      <c r="J927" s="37"/>
    </row>
    <row r="928" spans="10:10" ht="13.5" hidden="1" customHeight="1" x14ac:dyDescent="0.25">
      <c r="J928" s="37"/>
    </row>
    <row r="929" spans="10:10" ht="13.5" hidden="1" customHeight="1" x14ac:dyDescent="0.25">
      <c r="J929" s="37"/>
    </row>
    <row r="930" spans="10:10" ht="13.5" hidden="1" customHeight="1" x14ac:dyDescent="0.25">
      <c r="J930" s="37"/>
    </row>
    <row r="931" spans="10:10" ht="13.5" hidden="1" customHeight="1" x14ac:dyDescent="0.25">
      <c r="J931" s="37"/>
    </row>
    <row r="932" spans="10:10" ht="13.5" hidden="1" customHeight="1" x14ac:dyDescent="0.25">
      <c r="J932" s="37"/>
    </row>
    <row r="933" spans="10:10" ht="13.5" hidden="1" customHeight="1" x14ac:dyDescent="0.25">
      <c r="J933" s="37"/>
    </row>
    <row r="934" spans="10:10" ht="13.5" hidden="1" customHeight="1" x14ac:dyDescent="0.25">
      <c r="J934" s="37"/>
    </row>
    <row r="935" spans="10:10" ht="13.5" hidden="1" customHeight="1" x14ac:dyDescent="0.25">
      <c r="J935" s="37"/>
    </row>
    <row r="936" spans="10:10" ht="13.5" hidden="1" customHeight="1" x14ac:dyDescent="0.25">
      <c r="J936" s="37"/>
    </row>
    <row r="937" spans="10:10" ht="13.5" hidden="1" customHeight="1" x14ac:dyDescent="0.25">
      <c r="J937" s="37"/>
    </row>
    <row r="938" spans="10:10" ht="13.5" hidden="1" customHeight="1" x14ac:dyDescent="0.25">
      <c r="J938" s="37"/>
    </row>
    <row r="939" spans="10:10" ht="13.5" hidden="1" customHeight="1" x14ac:dyDescent="0.25">
      <c r="J939" s="37"/>
    </row>
    <row r="940" spans="10:10" ht="13.5" hidden="1" customHeight="1" x14ac:dyDescent="0.25">
      <c r="J940" s="37"/>
    </row>
    <row r="941" spans="10:10" ht="13.5" hidden="1" customHeight="1" x14ac:dyDescent="0.25">
      <c r="J941" s="37"/>
    </row>
    <row r="942" spans="10:10" ht="13.5" hidden="1" customHeight="1" x14ac:dyDescent="0.25">
      <c r="J942" s="37"/>
    </row>
    <row r="943" spans="10:10" ht="13.5" hidden="1" customHeight="1" x14ac:dyDescent="0.25">
      <c r="J943" s="37"/>
    </row>
    <row r="944" spans="10:10" ht="13.5" hidden="1" customHeight="1" x14ac:dyDescent="0.25">
      <c r="J944" s="37"/>
    </row>
    <row r="945" spans="10:10" ht="13.5" hidden="1" customHeight="1" x14ac:dyDescent="0.25">
      <c r="J945" s="37"/>
    </row>
    <row r="946" spans="10:10" ht="13.5" hidden="1" customHeight="1" x14ac:dyDescent="0.25">
      <c r="J946" s="37"/>
    </row>
    <row r="947" spans="10:10" ht="13.5" hidden="1" customHeight="1" x14ac:dyDescent="0.25">
      <c r="J947" s="37"/>
    </row>
    <row r="948" spans="10:10" ht="13.5" hidden="1" customHeight="1" x14ac:dyDescent="0.25">
      <c r="J948" s="37"/>
    </row>
    <row r="949" spans="10:10" ht="13.5" hidden="1" customHeight="1" x14ac:dyDescent="0.25">
      <c r="J949" s="37"/>
    </row>
    <row r="950" spans="10:10" ht="13.5" hidden="1" customHeight="1" x14ac:dyDescent="0.25">
      <c r="J950" s="37"/>
    </row>
    <row r="951" spans="10:10" ht="13.5" hidden="1" customHeight="1" x14ac:dyDescent="0.25">
      <c r="J951" s="37"/>
    </row>
    <row r="952" spans="10:10" ht="13.5" hidden="1" customHeight="1" x14ac:dyDescent="0.25">
      <c r="J952" s="37"/>
    </row>
    <row r="953" spans="10:10" ht="13.5" hidden="1" customHeight="1" x14ac:dyDescent="0.25">
      <c r="J953" s="37"/>
    </row>
    <row r="954" spans="10:10" ht="13.5" hidden="1" customHeight="1" x14ac:dyDescent="0.25">
      <c r="J954" s="37"/>
    </row>
    <row r="955" spans="10:10" ht="13.5" hidden="1" customHeight="1" x14ac:dyDescent="0.25">
      <c r="J955" s="37"/>
    </row>
    <row r="956" spans="10:10" ht="13.5" hidden="1" customHeight="1" x14ac:dyDescent="0.25">
      <c r="J956" s="37"/>
    </row>
    <row r="957" spans="10:10" ht="13.5" hidden="1" customHeight="1" x14ac:dyDescent="0.25">
      <c r="J957" s="37"/>
    </row>
    <row r="958" spans="10:10" ht="13.5" hidden="1" customHeight="1" x14ac:dyDescent="0.25">
      <c r="J958" s="37"/>
    </row>
    <row r="959" spans="10:10" ht="13.5" hidden="1" customHeight="1" x14ac:dyDescent="0.25">
      <c r="J959" s="37"/>
    </row>
    <row r="960" spans="10:10" ht="13.5" hidden="1" customHeight="1" x14ac:dyDescent="0.25">
      <c r="J960" s="37"/>
    </row>
    <row r="961" spans="10:10" ht="13.5" hidden="1" customHeight="1" x14ac:dyDescent="0.25">
      <c r="J961" s="37"/>
    </row>
    <row r="962" spans="10:10" ht="13.5" hidden="1" customHeight="1" x14ac:dyDescent="0.25">
      <c r="J962" s="37"/>
    </row>
    <row r="963" spans="10:10" ht="13.5" hidden="1" customHeight="1" x14ac:dyDescent="0.25">
      <c r="J963" s="37"/>
    </row>
    <row r="964" spans="10:10" ht="13.5" hidden="1" customHeight="1" x14ac:dyDescent="0.25">
      <c r="J964" s="37"/>
    </row>
    <row r="965" spans="10:10" ht="13.5" hidden="1" customHeight="1" x14ac:dyDescent="0.25">
      <c r="J965" s="37"/>
    </row>
    <row r="966" spans="10:10" ht="13.5" hidden="1" customHeight="1" x14ac:dyDescent="0.25">
      <c r="J966" s="37"/>
    </row>
    <row r="967" spans="10:10" ht="13.5" hidden="1" customHeight="1" x14ac:dyDescent="0.25">
      <c r="J967" s="37"/>
    </row>
    <row r="968" spans="10:10" ht="13.5" hidden="1" customHeight="1" x14ac:dyDescent="0.25">
      <c r="J968" s="37"/>
    </row>
    <row r="969" spans="10:10" ht="13.5" hidden="1" customHeight="1" x14ac:dyDescent="0.25">
      <c r="J969" s="37"/>
    </row>
    <row r="970" spans="10:10" ht="13.5" hidden="1" customHeight="1" x14ac:dyDescent="0.25">
      <c r="J970" s="37"/>
    </row>
    <row r="971" spans="10:10" ht="13.5" hidden="1" customHeight="1" x14ac:dyDescent="0.25">
      <c r="J971" s="37"/>
    </row>
    <row r="972" spans="10:10" ht="13.5" hidden="1" customHeight="1" x14ac:dyDescent="0.25">
      <c r="J972" s="37"/>
    </row>
    <row r="973" spans="10:10" ht="13.5" hidden="1" customHeight="1" x14ac:dyDescent="0.25">
      <c r="J973" s="37"/>
    </row>
    <row r="974" spans="10:10" ht="13.5" hidden="1" customHeight="1" x14ac:dyDescent="0.25">
      <c r="J974" s="37"/>
    </row>
    <row r="975" spans="10:10" ht="13.5" hidden="1" customHeight="1" x14ac:dyDescent="0.25">
      <c r="J975" s="37"/>
    </row>
    <row r="976" spans="10:10" ht="13.5" hidden="1" customHeight="1" x14ac:dyDescent="0.25">
      <c r="J976" s="37"/>
    </row>
    <row r="977" spans="10:10" ht="13.5" hidden="1" customHeight="1" x14ac:dyDescent="0.25">
      <c r="J977" s="37"/>
    </row>
    <row r="978" spans="10:10" ht="13.5" hidden="1" customHeight="1" x14ac:dyDescent="0.25">
      <c r="J978" s="37"/>
    </row>
    <row r="979" spans="10:10" ht="13.5" hidden="1" customHeight="1" x14ac:dyDescent="0.25">
      <c r="J979" s="37"/>
    </row>
    <row r="980" spans="10:10" ht="13.5" hidden="1" customHeight="1" x14ac:dyDescent="0.25">
      <c r="J980" s="37"/>
    </row>
    <row r="981" spans="10:10" ht="13.5" hidden="1" customHeight="1" x14ac:dyDescent="0.25">
      <c r="J981" s="37"/>
    </row>
    <row r="982" spans="10:10" ht="13.5" hidden="1" customHeight="1" x14ac:dyDescent="0.25">
      <c r="J982" s="37"/>
    </row>
    <row r="983" spans="10:10" ht="13.5" hidden="1" customHeight="1" x14ac:dyDescent="0.25">
      <c r="J983" s="37"/>
    </row>
    <row r="984" spans="10:10" ht="13.5" hidden="1" customHeight="1" x14ac:dyDescent="0.25">
      <c r="J984" s="37"/>
    </row>
    <row r="985" spans="10:10" ht="13.5" hidden="1" customHeight="1" x14ac:dyDescent="0.25">
      <c r="J985" s="37"/>
    </row>
    <row r="986" spans="10:10" ht="13.5" hidden="1" customHeight="1" x14ac:dyDescent="0.25">
      <c r="J986" s="37"/>
    </row>
    <row r="987" spans="10:10" ht="13.5" hidden="1" customHeight="1" x14ac:dyDescent="0.25">
      <c r="J987" s="37"/>
    </row>
    <row r="988" spans="10:10" ht="13.5" hidden="1" customHeight="1" x14ac:dyDescent="0.25">
      <c r="J988" s="37"/>
    </row>
    <row r="989" spans="10:10" ht="13.5" hidden="1" customHeight="1" x14ac:dyDescent="0.25">
      <c r="J989" s="37"/>
    </row>
    <row r="990" spans="10:10" ht="13.5" hidden="1" customHeight="1" x14ac:dyDescent="0.25">
      <c r="J990" s="37"/>
    </row>
    <row r="991" spans="10:10" ht="13.5" hidden="1" customHeight="1" x14ac:dyDescent="0.25">
      <c r="J991" s="37"/>
    </row>
    <row r="992" spans="10:10" ht="13.5" hidden="1" customHeight="1" x14ac:dyDescent="0.25">
      <c r="J992" s="37"/>
    </row>
    <row r="993" spans="10:10" ht="13.5" hidden="1" customHeight="1" x14ac:dyDescent="0.25">
      <c r="J993" s="37"/>
    </row>
    <row r="994" spans="10:10" ht="13.5" hidden="1" customHeight="1" x14ac:dyDescent="0.25">
      <c r="J994" s="37"/>
    </row>
    <row r="995" spans="10:10" ht="13.5" hidden="1" customHeight="1" x14ac:dyDescent="0.25">
      <c r="J995" s="37"/>
    </row>
    <row r="996" spans="10:10" ht="13.5" hidden="1" customHeight="1" x14ac:dyDescent="0.25">
      <c r="J996" s="37"/>
    </row>
    <row r="997" spans="10:10" ht="13.5" hidden="1" customHeight="1" x14ac:dyDescent="0.25">
      <c r="J997" s="37"/>
    </row>
    <row r="998" spans="10:10" ht="13.5" hidden="1" customHeight="1" x14ac:dyDescent="0.25">
      <c r="J998" s="37"/>
    </row>
    <row r="999" spans="10:10" ht="13.5" hidden="1" customHeight="1" x14ac:dyDescent="0.25">
      <c r="J999" s="37"/>
    </row>
    <row r="1000" spans="10:10" ht="13.5" hidden="1" customHeight="1" x14ac:dyDescent="0.25">
      <c r="J1000" s="37"/>
    </row>
  </sheetData>
  <mergeCells count="17">
    <mergeCell ref="F1:K4"/>
    <mergeCell ref="F5:K5"/>
    <mergeCell ref="F6:K6"/>
    <mergeCell ref="F10:K10"/>
    <mergeCell ref="F11:K11"/>
    <mergeCell ref="F15:K15"/>
    <mergeCell ref="F16:K16"/>
    <mergeCell ref="F36:K36"/>
    <mergeCell ref="F40:K40"/>
    <mergeCell ref="F41:K41"/>
    <mergeCell ref="F20:K20"/>
    <mergeCell ref="F21:K21"/>
    <mergeCell ref="F25:K25"/>
    <mergeCell ref="F26:K26"/>
    <mergeCell ref="F30:K30"/>
    <mergeCell ref="F31:K31"/>
    <mergeCell ref="F35:K35"/>
  </mergeCells>
  <dataValidations count="1">
    <dataValidation type="list" allowBlank="1" showErrorMessage="1" sqref="K8:K9 K13:K14 K18:K19 K23:K24 K28:K29 K33:K34 K38:K39 K43:K44" xr:uid="{00000000-0002-0000-0300-000000000000}">
      <formula1>"ENGLISH,MALAYALAM"</formula1>
    </dataValidation>
  </dataValidations>
  <pageMargins left="0.7" right="0.7" top="0.75" bottom="0.75" header="0" footer="0"/>
  <pageSetup orientation="portrait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400-000000000000}">
  <sheetPr>
    <tabColor rgb="FF0070C0"/>
  </sheetPr>
  <dimension ref="A1:Z1000"/>
  <sheetViews>
    <sheetView workbookViewId="0">
      <selection sqref="A1:E4"/>
    </sheetView>
  </sheetViews>
  <sheetFormatPr defaultColWidth="0" defaultRowHeight="15" customHeight="1" zeroHeight="1" x14ac:dyDescent="0.25"/>
  <cols>
    <col min="1" max="1" width="4.8984375" customWidth="1"/>
    <col min="2" max="2" width="20.59765625" customWidth="1"/>
    <col min="3" max="4" width="34.5" customWidth="1"/>
    <col min="5" max="5" width="14.3984375" customWidth="1"/>
    <col min="6" max="6" width="9" hidden="1" customWidth="1"/>
    <col min="7" max="26" width="8.59765625" hidden="1" customWidth="1"/>
    <col min="27" max="16384" width="12.59765625" hidden="1"/>
  </cols>
  <sheetData>
    <row r="1" spans="1:5" ht="14.25" customHeight="1" x14ac:dyDescent="0.25">
      <c r="A1" s="95" t="s">
        <v>74</v>
      </c>
      <c r="B1" s="82"/>
      <c r="C1" s="82"/>
      <c r="D1" s="82"/>
      <c r="E1" s="83"/>
    </row>
    <row r="2" spans="1:5" ht="14.25" customHeight="1" x14ac:dyDescent="0.25">
      <c r="A2" s="84"/>
      <c r="B2" s="62"/>
      <c r="C2" s="62"/>
      <c r="D2" s="62"/>
      <c r="E2" s="85"/>
    </row>
    <row r="3" spans="1:5" ht="14.25" customHeight="1" x14ac:dyDescent="0.25">
      <c r="A3" s="84"/>
      <c r="B3" s="62"/>
      <c r="C3" s="62"/>
      <c r="D3" s="62"/>
      <c r="E3" s="85"/>
    </row>
    <row r="4" spans="1:5" ht="15" customHeight="1" x14ac:dyDescent="0.25">
      <c r="A4" s="86"/>
      <c r="B4" s="87"/>
      <c r="C4" s="87"/>
      <c r="D4" s="87"/>
      <c r="E4" s="88"/>
    </row>
    <row r="5" spans="1:5" ht="13.5" customHeight="1" x14ac:dyDescent="0.25">
      <c r="A5" s="89"/>
      <c r="B5" s="78"/>
      <c r="C5" s="78"/>
      <c r="D5" s="78"/>
      <c r="E5" s="78"/>
    </row>
    <row r="6" spans="1:5" ht="13.5" customHeight="1" x14ac:dyDescent="0.3">
      <c r="A6" s="94" t="s">
        <v>75</v>
      </c>
      <c r="B6" s="78"/>
      <c r="C6" s="78"/>
      <c r="D6" s="78"/>
      <c r="E6" s="80"/>
    </row>
    <row r="7" spans="1:5" ht="13.5" customHeight="1" x14ac:dyDescent="0.3">
      <c r="A7" s="29"/>
      <c r="B7" s="30" t="s">
        <v>52</v>
      </c>
      <c r="C7" s="30" t="s">
        <v>53</v>
      </c>
      <c r="D7" s="30" t="s">
        <v>54</v>
      </c>
      <c r="E7" s="31" t="s">
        <v>55</v>
      </c>
    </row>
    <row r="8" spans="1:5" ht="13.5" customHeight="1" x14ac:dyDescent="0.3">
      <c r="A8" s="32">
        <v>1</v>
      </c>
      <c r="B8" s="32" t="s">
        <v>75</v>
      </c>
      <c r="C8" s="32"/>
      <c r="D8" s="32"/>
      <c r="E8" s="33"/>
    </row>
    <row r="9" spans="1:5" ht="13.5" customHeight="1" x14ac:dyDescent="0.3">
      <c r="A9" s="32">
        <v>2</v>
      </c>
      <c r="B9" s="32" t="s">
        <v>75</v>
      </c>
      <c r="C9" s="32"/>
      <c r="D9" s="32"/>
      <c r="E9" s="33"/>
    </row>
    <row r="10" spans="1:5" ht="13.5" customHeight="1" x14ac:dyDescent="0.3">
      <c r="A10" s="77"/>
      <c r="B10" s="78"/>
      <c r="C10" s="78"/>
      <c r="D10" s="78"/>
      <c r="E10" s="78"/>
    </row>
    <row r="11" spans="1:5" ht="13.5" customHeight="1" x14ac:dyDescent="0.3">
      <c r="A11" s="94" t="s">
        <v>61</v>
      </c>
      <c r="B11" s="78"/>
      <c r="C11" s="78"/>
      <c r="D11" s="78"/>
      <c r="E11" s="80"/>
    </row>
    <row r="12" spans="1:5" ht="13.5" customHeight="1" x14ac:dyDescent="0.3">
      <c r="A12" s="29"/>
      <c r="B12" s="30" t="s">
        <v>52</v>
      </c>
      <c r="C12" s="30" t="s">
        <v>53</v>
      </c>
      <c r="D12" s="30" t="s">
        <v>54</v>
      </c>
      <c r="E12" s="31" t="s">
        <v>55</v>
      </c>
    </row>
    <row r="13" spans="1:5" ht="13.5" customHeight="1" x14ac:dyDescent="0.3">
      <c r="A13" s="32">
        <v>1</v>
      </c>
      <c r="B13" s="32" t="s">
        <v>61</v>
      </c>
      <c r="C13" s="32"/>
      <c r="D13" s="32"/>
      <c r="E13" s="33"/>
    </row>
    <row r="14" spans="1:5" ht="13.5" customHeight="1" x14ac:dyDescent="0.3">
      <c r="A14" s="32">
        <v>2</v>
      </c>
      <c r="B14" s="32" t="s">
        <v>61</v>
      </c>
      <c r="C14" s="32"/>
      <c r="D14" s="32"/>
      <c r="E14" s="33"/>
    </row>
    <row r="15" spans="1:5" ht="13.5" customHeight="1" x14ac:dyDescent="0.3">
      <c r="A15" s="77"/>
      <c r="B15" s="78"/>
      <c r="C15" s="78"/>
      <c r="D15" s="78"/>
      <c r="E15" s="78"/>
    </row>
    <row r="16" spans="1:5" ht="13.5" customHeight="1" x14ac:dyDescent="0.3">
      <c r="A16" s="94" t="s">
        <v>62</v>
      </c>
      <c r="B16" s="78"/>
      <c r="C16" s="78"/>
      <c r="D16" s="78"/>
      <c r="E16" s="80"/>
    </row>
    <row r="17" spans="1:5" ht="13.5" customHeight="1" x14ac:dyDescent="0.3">
      <c r="A17" s="29"/>
      <c r="B17" s="30" t="s">
        <v>52</v>
      </c>
      <c r="C17" s="30" t="s">
        <v>53</v>
      </c>
      <c r="D17" s="30" t="s">
        <v>54</v>
      </c>
      <c r="E17" s="31" t="s">
        <v>55</v>
      </c>
    </row>
    <row r="18" spans="1:5" ht="13.5" customHeight="1" x14ac:dyDescent="0.3">
      <c r="A18" s="32">
        <v>1</v>
      </c>
      <c r="B18" s="32" t="s">
        <v>62</v>
      </c>
      <c r="C18" s="32"/>
      <c r="D18" s="32"/>
      <c r="E18" s="33"/>
    </row>
    <row r="19" spans="1:5" ht="13.5" customHeight="1" x14ac:dyDescent="0.3">
      <c r="A19" s="32">
        <v>2</v>
      </c>
      <c r="B19" s="32" t="s">
        <v>62</v>
      </c>
      <c r="C19" s="32"/>
      <c r="D19" s="32"/>
      <c r="E19" s="33"/>
    </row>
    <row r="20" spans="1:5" ht="15.75" hidden="1" customHeight="1" x14ac:dyDescent="0.3">
      <c r="A20" s="41"/>
      <c r="B20" s="41"/>
      <c r="C20" s="41"/>
      <c r="D20" s="41"/>
      <c r="E20" s="42"/>
    </row>
    <row r="21" spans="1:5" ht="15.75" hidden="1" customHeight="1" x14ac:dyDescent="0.3">
      <c r="A21" s="43"/>
      <c r="B21" s="43"/>
      <c r="C21" s="43"/>
      <c r="D21" s="43"/>
      <c r="E21" s="44"/>
    </row>
    <row r="22" spans="1:5" ht="15.75" hidden="1" customHeight="1" x14ac:dyDescent="0.3">
      <c r="A22" s="43"/>
      <c r="B22" s="43"/>
      <c r="C22" s="43"/>
      <c r="D22" s="43"/>
      <c r="E22" s="44"/>
    </row>
    <row r="23" spans="1:5" ht="15.75" hidden="1" customHeight="1" x14ac:dyDescent="0.3">
      <c r="A23" s="43"/>
      <c r="B23" s="43"/>
      <c r="C23" s="43"/>
      <c r="D23" s="43"/>
      <c r="E23" s="44"/>
    </row>
    <row r="24" spans="1:5" ht="15.75" hidden="1" customHeight="1" x14ac:dyDescent="0.3">
      <c r="A24" s="43"/>
      <c r="B24" s="43"/>
      <c r="C24" s="43"/>
      <c r="D24" s="43"/>
      <c r="E24" s="44"/>
    </row>
    <row r="25" spans="1:5" ht="15.75" hidden="1" customHeight="1" x14ac:dyDescent="0.3">
      <c r="A25" s="43"/>
      <c r="B25" s="43"/>
      <c r="C25" s="43"/>
      <c r="D25" s="43"/>
      <c r="E25" s="44"/>
    </row>
    <row r="26" spans="1:5" ht="15.75" hidden="1" customHeight="1" x14ac:dyDescent="0.3">
      <c r="A26" s="43"/>
      <c r="B26" s="43"/>
      <c r="C26" s="43"/>
      <c r="D26" s="43"/>
      <c r="E26" s="44"/>
    </row>
    <row r="27" spans="1:5" ht="15.75" hidden="1" customHeight="1" x14ac:dyDescent="0.3">
      <c r="A27" s="43"/>
      <c r="B27" s="43"/>
      <c r="C27" s="43"/>
      <c r="D27" s="43"/>
      <c r="E27" s="44"/>
    </row>
    <row r="28" spans="1:5" ht="15.75" hidden="1" customHeight="1" x14ac:dyDescent="0.3">
      <c r="A28" s="43"/>
      <c r="B28" s="43"/>
      <c r="C28" s="43"/>
      <c r="D28" s="43"/>
      <c r="E28" s="44"/>
    </row>
    <row r="29" spans="1:5" ht="15.75" hidden="1" customHeight="1" x14ac:dyDescent="0.3">
      <c r="A29" s="43"/>
      <c r="B29" s="43"/>
      <c r="C29" s="43"/>
      <c r="D29" s="43"/>
      <c r="E29" s="44"/>
    </row>
    <row r="30" spans="1:5" ht="15.75" hidden="1" customHeight="1" x14ac:dyDescent="0.3">
      <c r="A30" s="43"/>
      <c r="B30" s="43"/>
      <c r="C30" s="43"/>
      <c r="D30" s="43"/>
      <c r="E30" s="44"/>
    </row>
    <row r="31" spans="1:5" ht="15.75" hidden="1" customHeight="1" x14ac:dyDescent="0.3">
      <c r="A31" s="43"/>
      <c r="B31" s="43"/>
      <c r="C31" s="43"/>
      <c r="D31" s="43"/>
      <c r="E31" s="44"/>
    </row>
    <row r="32" spans="1:5" ht="15.75" hidden="1" customHeight="1" x14ac:dyDescent="0.3">
      <c r="A32" s="43"/>
      <c r="B32" s="43"/>
      <c r="C32" s="43"/>
      <c r="D32" s="43"/>
      <c r="E32" s="44"/>
    </row>
    <row r="33" spans="1:5" ht="15.75" hidden="1" customHeight="1" x14ac:dyDescent="0.3">
      <c r="A33" s="43"/>
      <c r="B33" s="43"/>
      <c r="C33" s="43"/>
      <c r="D33" s="43"/>
      <c r="E33" s="44"/>
    </row>
    <row r="34" spans="1:5" ht="15.75" hidden="1" customHeight="1" x14ac:dyDescent="0.3">
      <c r="A34" s="43"/>
      <c r="B34" s="43"/>
      <c r="C34" s="43"/>
      <c r="D34" s="43"/>
      <c r="E34" s="44"/>
    </row>
    <row r="35" spans="1:5" ht="15.75" hidden="1" customHeight="1" x14ac:dyDescent="0.3">
      <c r="A35" s="39"/>
      <c r="B35" s="39"/>
      <c r="C35" s="39"/>
      <c r="D35" s="39"/>
      <c r="E35" s="45"/>
    </row>
    <row r="36" spans="1:5" ht="15.75" hidden="1" customHeight="1" x14ac:dyDescent="0.3">
      <c r="A36" s="39"/>
      <c r="B36" s="39"/>
      <c r="C36" s="39"/>
      <c r="D36" s="39"/>
      <c r="E36" s="45"/>
    </row>
    <row r="37" spans="1:5" ht="15.75" hidden="1" customHeight="1" x14ac:dyDescent="0.3">
      <c r="A37" s="39"/>
      <c r="B37" s="39"/>
      <c r="C37" s="39"/>
      <c r="D37" s="39"/>
      <c r="E37" s="45"/>
    </row>
    <row r="38" spans="1:5" ht="15.75" hidden="1" customHeight="1" x14ac:dyDescent="0.3">
      <c r="A38" s="39"/>
      <c r="B38" s="39"/>
      <c r="C38" s="39"/>
      <c r="D38" s="39"/>
      <c r="E38" s="45"/>
    </row>
    <row r="39" spans="1:5" ht="15.75" hidden="1" customHeight="1" x14ac:dyDescent="0.3">
      <c r="A39" s="39"/>
      <c r="B39" s="39"/>
      <c r="C39" s="39"/>
      <c r="D39" s="39"/>
      <c r="E39" s="45"/>
    </row>
    <row r="40" spans="1:5" ht="15.75" hidden="1" customHeight="1" x14ac:dyDescent="0.3">
      <c r="A40" s="39"/>
      <c r="B40" s="39"/>
      <c r="C40" s="39"/>
      <c r="D40" s="39"/>
      <c r="E40" s="45"/>
    </row>
    <row r="41" spans="1:5" ht="15.75" hidden="1" customHeight="1" x14ac:dyDescent="0.3">
      <c r="A41" s="39"/>
      <c r="B41" s="39"/>
      <c r="C41" s="39"/>
      <c r="D41" s="39"/>
      <c r="E41" s="45"/>
    </row>
    <row r="42" spans="1:5" ht="15.75" hidden="1" customHeight="1" x14ac:dyDescent="0.3">
      <c r="A42" s="39"/>
      <c r="B42" s="39"/>
      <c r="C42" s="39"/>
      <c r="D42" s="39"/>
      <c r="E42" s="45"/>
    </row>
    <row r="43" spans="1:5" ht="15.75" hidden="1" customHeight="1" x14ac:dyDescent="0.3">
      <c r="A43" s="39"/>
      <c r="B43" s="39"/>
      <c r="C43" s="39"/>
      <c r="D43" s="39"/>
      <c r="E43" s="45"/>
    </row>
    <row r="44" spans="1:5" ht="15.75" hidden="1" customHeight="1" x14ac:dyDescent="0.3">
      <c r="A44" s="39"/>
      <c r="B44" s="39"/>
      <c r="C44" s="39"/>
      <c r="D44" s="39"/>
      <c r="E44" s="45"/>
    </row>
    <row r="45" spans="1:5" ht="14.25" hidden="1" customHeight="1" x14ac:dyDescent="0.3">
      <c r="A45" s="39"/>
      <c r="B45" s="39"/>
      <c r="C45" s="39"/>
      <c r="D45" s="39"/>
      <c r="E45" s="45"/>
    </row>
    <row r="46" spans="1:5" ht="14.25" hidden="1" customHeight="1" x14ac:dyDescent="0.3">
      <c r="A46" s="39"/>
      <c r="B46" s="39"/>
      <c r="C46" s="39"/>
      <c r="D46" s="39"/>
      <c r="E46" s="45"/>
    </row>
    <row r="47" spans="1:5" ht="14.25" hidden="1" customHeight="1" x14ac:dyDescent="0.3">
      <c r="A47" s="39"/>
      <c r="B47" s="39"/>
      <c r="C47" s="39"/>
      <c r="D47" s="39"/>
      <c r="E47" s="45"/>
    </row>
    <row r="48" spans="1:5" ht="14.25" hidden="1" customHeight="1" x14ac:dyDescent="0.3">
      <c r="A48" s="39"/>
      <c r="B48" s="39"/>
      <c r="C48" s="39"/>
      <c r="D48" s="39"/>
      <c r="E48" s="45"/>
    </row>
    <row r="49" spans="1:5" ht="14.25" hidden="1" customHeight="1" x14ac:dyDescent="0.3">
      <c r="A49" s="39"/>
      <c r="B49" s="39"/>
      <c r="C49" s="39"/>
      <c r="D49" s="39"/>
      <c r="E49" s="45"/>
    </row>
    <row r="50" spans="1:5" ht="14.25" hidden="1" customHeight="1" x14ac:dyDescent="0.3">
      <c r="A50" s="39"/>
      <c r="B50" s="39"/>
      <c r="C50" s="39"/>
      <c r="D50" s="39"/>
      <c r="E50" s="45"/>
    </row>
    <row r="51" spans="1:5" ht="14.25" hidden="1" customHeight="1" x14ac:dyDescent="0.3">
      <c r="A51" s="39"/>
      <c r="B51" s="39"/>
      <c r="C51" s="39"/>
      <c r="D51" s="39"/>
      <c r="E51" s="45"/>
    </row>
    <row r="52" spans="1:5" ht="14.25" hidden="1" customHeight="1" x14ac:dyDescent="0.3">
      <c r="A52" s="39"/>
      <c r="B52" s="39"/>
      <c r="C52" s="39"/>
      <c r="D52" s="39"/>
      <c r="E52" s="45"/>
    </row>
    <row r="53" spans="1:5" ht="13.5" hidden="1" customHeight="1" x14ac:dyDescent="0.25">
      <c r="E53" s="37"/>
    </row>
    <row r="54" spans="1:5" ht="13.5" hidden="1" customHeight="1" x14ac:dyDescent="0.25">
      <c r="E54" s="37"/>
    </row>
    <row r="55" spans="1:5" ht="13.5" hidden="1" customHeight="1" x14ac:dyDescent="0.25">
      <c r="E55" s="37"/>
    </row>
    <row r="56" spans="1:5" ht="13.5" hidden="1" customHeight="1" x14ac:dyDescent="0.25">
      <c r="E56" s="37"/>
    </row>
    <row r="57" spans="1:5" ht="13.5" hidden="1" customHeight="1" x14ac:dyDescent="0.25">
      <c r="E57" s="37"/>
    </row>
    <row r="58" spans="1:5" ht="13.5" hidden="1" customHeight="1" x14ac:dyDescent="0.25">
      <c r="E58" s="37"/>
    </row>
    <row r="59" spans="1:5" ht="13.5" hidden="1" customHeight="1" x14ac:dyDescent="0.25">
      <c r="E59" s="37"/>
    </row>
    <row r="60" spans="1:5" ht="13.5" hidden="1" customHeight="1" x14ac:dyDescent="0.25">
      <c r="E60" s="37"/>
    </row>
    <row r="61" spans="1:5" ht="13.5" hidden="1" customHeight="1" x14ac:dyDescent="0.25">
      <c r="E61" s="37"/>
    </row>
    <row r="62" spans="1:5" ht="13.5" hidden="1" customHeight="1" x14ac:dyDescent="0.25">
      <c r="E62" s="37"/>
    </row>
    <row r="63" spans="1:5" ht="13.5" hidden="1" customHeight="1" x14ac:dyDescent="0.25">
      <c r="E63" s="37"/>
    </row>
    <row r="64" spans="1:5" ht="13.5" hidden="1" customHeight="1" x14ac:dyDescent="0.25">
      <c r="E64" s="37"/>
    </row>
    <row r="65" spans="5:5" ht="13.5" hidden="1" customHeight="1" x14ac:dyDescent="0.25">
      <c r="E65" s="37"/>
    </row>
    <row r="66" spans="5:5" ht="13.5" hidden="1" customHeight="1" x14ac:dyDescent="0.25">
      <c r="E66" s="37"/>
    </row>
    <row r="67" spans="5:5" ht="13.5" hidden="1" customHeight="1" x14ac:dyDescent="0.25">
      <c r="E67" s="37"/>
    </row>
    <row r="68" spans="5:5" ht="13.5" hidden="1" customHeight="1" x14ac:dyDescent="0.25">
      <c r="E68" s="37"/>
    </row>
    <row r="69" spans="5:5" ht="13.5" hidden="1" customHeight="1" x14ac:dyDescent="0.25">
      <c r="E69" s="37"/>
    </row>
    <row r="70" spans="5:5" ht="13.5" hidden="1" customHeight="1" x14ac:dyDescent="0.25">
      <c r="E70" s="37"/>
    </row>
    <row r="71" spans="5:5" ht="13.5" hidden="1" customHeight="1" x14ac:dyDescent="0.25">
      <c r="E71" s="37"/>
    </row>
    <row r="72" spans="5:5" ht="13.5" hidden="1" customHeight="1" x14ac:dyDescent="0.25">
      <c r="E72" s="37"/>
    </row>
    <row r="73" spans="5:5" ht="13.5" hidden="1" customHeight="1" x14ac:dyDescent="0.25">
      <c r="E73" s="37"/>
    </row>
    <row r="74" spans="5:5" ht="13.5" hidden="1" customHeight="1" x14ac:dyDescent="0.25">
      <c r="E74" s="37"/>
    </row>
    <row r="75" spans="5:5" ht="13.5" hidden="1" customHeight="1" x14ac:dyDescent="0.25">
      <c r="E75" s="37"/>
    </row>
    <row r="76" spans="5:5" ht="13.5" hidden="1" customHeight="1" x14ac:dyDescent="0.25">
      <c r="E76" s="37"/>
    </row>
    <row r="77" spans="5:5" ht="13.5" hidden="1" customHeight="1" x14ac:dyDescent="0.25">
      <c r="E77" s="37"/>
    </row>
    <row r="78" spans="5:5" ht="13.5" hidden="1" customHeight="1" x14ac:dyDescent="0.25">
      <c r="E78" s="37"/>
    </row>
    <row r="79" spans="5:5" ht="13.5" hidden="1" customHeight="1" x14ac:dyDescent="0.25">
      <c r="E79" s="37"/>
    </row>
    <row r="80" spans="5:5" ht="13.5" hidden="1" customHeight="1" x14ac:dyDescent="0.25">
      <c r="E80" s="37"/>
    </row>
    <row r="81" spans="5:5" ht="13.5" hidden="1" customHeight="1" x14ac:dyDescent="0.25">
      <c r="E81" s="37"/>
    </row>
    <row r="82" spans="5:5" ht="13.5" hidden="1" customHeight="1" x14ac:dyDescent="0.25">
      <c r="E82" s="37"/>
    </row>
    <row r="83" spans="5:5" ht="13.5" hidden="1" customHeight="1" x14ac:dyDescent="0.25">
      <c r="E83" s="37"/>
    </row>
    <row r="84" spans="5:5" ht="13.5" hidden="1" customHeight="1" x14ac:dyDescent="0.25">
      <c r="E84" s="37"/>
    </row>
    <row r="85" spans="5:5" ht="13.5" hidden="1" customHeight="1" x14ac:dyDescent="0.25">
      <c r="E85" s="37"/>
    </row>
    <row r="86" spans="5:5" ht="13.5" hidden="1" customHeight="1" x14ac:dyDescent="0.25">
      <c r="E86" s="37"/>
    </row>
    <row r="87" spans="5:5" ht="13.5" hidden="1" customHeight="1" x14ac:dyDescent="0.25">
      <c r="E87" s="37"/>
    </row>
    <row r="88" spans="5:5" ht="13.5" hidden="1" customHeight="1" x14ac:dyDescent="0.25">
      <c r="E88" s="37"/>
    </row>
    <row r="89" spans="5:5" ht="13.5" hidden="1" customHeight="1" x14ac:dyDescent="0.25">
      <c r="E89" s="37"/>
    </row>
    <row r="90" spans="5:5" ht="13.5" hidden="1" customHeight="1" x14ac:dyDescent="0.25">
      <c r="E90" s="37"/>
    </row>
    <row r="91" spans="5:5" ht="13.5" hidden="1" customHeight="1" x14ac:dyDescent="0.25">
      <c r="E91" s="37"/>
    </row>
    <row r="92" spans="5:5" ht="13.5" hidden="1" customHeight="1" x14ac:dyDescent="0.25">
      <c r="E92" s="37"/>
    </row>
    <row r="93" spans="5:5" ht="13.5" hidden="1" customHeight="1" x14ac:dyDescent="0.25">
      <c r="E93" s="37"/>
    </row>
    <row r="94" spans="5:5" ht="13.5" hidden="1" customHeight="1" x14ac:dyDescent="0.25">
      <c r="E94" s="37"/>
    </row>
    <row r="95" spans="5:5" ht="13.5" hidden="1" customHeight="1" x14ac:dyDescent="0.25">
      <c r="E95" s="37"/>
    </row>
    <row r="96" spans="5:5" ht="13.5" hidden="1" customHeight="1" x14ac:dyDescent="0.25">
      <c r="E96" s="37"/>
    </row>
    <row r="97" spans="5:5" ht="13.5" hidden="1" customHeight="1" x14ac:dyDescent="0.25">
      <c r="E97" s="37"/>
    </row>
    <row r="98" spans="5:5" ht="13.5" hidden="1" customHeight="1" x14ac:dyDescent="0.25">
      <c r="E98" s="37"/>
    </row>
    <row r="99" spans="5:5" ht="13.5" hidden="1" customHeight="1" x14ac:dyDescent="0.25">
      <c r="E99" s="37"/>
    </row>
    <row r="100" spans="5:5" ht="13.5" hidden="1" customHeight="1" x14ac:dyDescent="0.25">
      <c r="E100" s="37"/>
    </row>
    <row r="101" spans="5:5" ht="13.5" hidden="1" customHeight="1" x14ac:dyDescent="0.25">
      <c r="E101" s="37"/>
    </row>
    <row r="102" spans="5:5" ht="13.5" hidden="1" customHeight="1" x14ac:dyDescent="0.25">
      <c r="E102" s="37"/>
    </row>
    <row r="103" spans="5:5" ht="13.5" hidden="1" customHeight="1" x14ac:dyDescent="0.25">
      <c r="E103" s="37"/>
    </row>
    <row r="104" spans="5:5" ht="13.5" hidden="1" customHeight="1" x14ac:dyDescent="0.25">
      <c r="E104" s="37"/>
    </row>
    <row r="105" spans="5:5" ht="13.5" hidden="1" customHeight="1" x14ac:dyDescent="0.25">
      <c r="E105" s="37"/>
    </row>
    <row r="106" spans="5:5" ht="13.5" hidden="1" customHeight="1" x14ac:dyDescent="0.25">
      <c r="E106" s="37"/>
    </row>
    <row r="107" spans="5:5" ht="13.5" hidden="1" customHeight="1" x14ac:dyDescent="0.25">
      <c r="E107" s="37"/>
    </row>
    <row r="108" spans="5:5" ht="13.5" hidden="1" customHeight="1" x14ac:dyDescent="0.25">
      <c r="E108" s="37"/>
    </row>
    <row r="109" spans="5:5" ht="13.5" hidden="1" customHeight="1" x14ac:dyDescent="0.25">
      <c r="E109" s="37"/>
    </row>
    <row r="110" spans="5:5" ht="13.5" hidden="1" customHeight="1" x14ac:dyDescent="0.25">
      <c r="E110" s="37"/>
    </row>
    <row r="111" spans="5:5" ht="13.5" hidden="1" customHeight="1" x14ac:dyDescent="0.25">
      <c r="E111" s="37"/>
    </row>
    <row r="112" spans="5:5" ht="13.5" hidden="1" customHeight="1" x14ac:dyDescent="0.25">
      <c r="E112" s="37"/>
    </row>
    <row r="113" spans="5:5" ht="13.5" hidden="1" customHeight="1" x14ac:dyDescent="0.25">
      <c r="E113" s="37"/>
    </row>
    <row r="114" spans="5:5" ht="13.5" hidden="1" customHeight="1" x14ac:dyDescent="0.25">
      <c r="E114" s="37"/>
    </row>
    <row r="115" spans="5:5" ht="13.5" hidden="1" customHeight="1" x14ac:dyDescent="0.25">
      <c r="E115" s="37"/>
    </row>
    <row r="116" spans="5:5" ht="13.5" hidden="1" customHeight="1" x14ac:dyDescent="0.25">
      <c r="E116" s="37"/>
    </row>
    <row r="117" spans="5:5" ht="13.5" hidden="1" customHeight="1" x14ac:dyDescent="0.25">
      <c r="E117" s="37"/>
    </row>
    <row r="118" spans="5:5" ht="13.5" hidden="1" customHeight="1" x14ac:dyDescent="0.25">
      <c r="E118" s="37"/>
    </row>
    <row r="119" spans="5:5" ht="13.5" hidden="1" customHeight="1" x14ac:dyDescent="0.25">
      <c r="E119" s="37"/>
    </row>
    <row r="120" spans="5:5" ht="13.5" hidden="1" customHeight="1" x14ac:dyDescent="0.25">
      <c r="E120" s="37"/>
    </row>
    <row r="121" spans="5:5" ht="13.5" hidden="1" customHeight="1" x14ac:dyDescent="0.25">
      <c r="E121" s="37"/>
    </row>
    <row r="122" spans="5:5" ht="13.5" hidden="1" customHeight="1" x14ac:dyDescent="0.25">
      <c r="E122" s="37"/>
    </row>
    <row r="123" spans="5:5" ht="13.5" hidden="1" customHeight="1" x14ac:dyDescent="0.25">
      <c r="E123" s="37"/>
    </row>
    <row r="124" spans="5:5" ht="13.5" hidden="1" customHeight="1" x14ac:dyDescent="0.25">
      <c r="E124" s="37"/>
    </row>
    <row r="125" spans="5:5" ht="13.5" hidden="1" customHeight="1" x14ac:dyDescent="0.25">
      <c r="E125" s="37"/>
    </row>
    <row r="126" spans="5:5" ht="13.5" hidden="1" customHeight="1" x14ac:dyDescent="0.25">
      <c r="E126" s="37"/>
    </row>
    <row r="127" spans="5:5" ht="13.5" hidden="1" customHeight="1" x14ac:dyDescent="0.25">
      <c r="E127" s="37"/>
    </row>
    <row r="128" spans="5:5" ht="13.5" hidden="1" customHeight="1" x14ac:dyDescent="0.25">
      <c r="E128" s="37"/>
    </row>
    <row r="129" spans="5:5" ht="13.5" hidden="1" customHeight="1" x14ac:dyDescent="0.25">
      <c r="E129" s="37"/>
    </row>
    <row r="130" spans="5:5" ht="13.5" hidden="1" customHeight="1" x14ac:dyDescent="0.25">
      <c r="E130" s="37"/>
    </row>
    <row r="131" spans="5:5" ht="13.5" hidden="1" customHeight="1" x14ac:dyDescent="0.25">
      <c r="E131" s="37"/>
    </row>
    <row r="132" spans="5:5" ht="13.5" hidden="1" customHeight="1" x14ac:dyDescent="0.25">
      <c r="E132" s="37"/>
    </row>
    <row r="133" spans="5:5" ht="13.5" hidden="1" customHeight="1" x14ac:dyDescent="0.25">
      <c r="E133" s="37"/>
    </row>
    <row r="134" spans="5:5" ht="13.5" hidden="1" customHeight="1" x14ac:dyDescent="0.25">
      <c r="E134" s="37"/>
    </row>
    <row r="135" spans="5:5" ht="13.5" hidden="1" customHeight="1" x14ac:dyDescent="0.25">
      <c r="E135" s="37"/>
    </row>
    <row r="136" spans="5:5" ht="13.5" hidden="1" customHeight="1" x14ac:dyDescent="0.25">
      <c r="E136" s="37"/>
    </row>
    <row r="137" spans="5:5" ht="13.5" hidden="1" customHeight="1" x14ac:dyDescent="0.25">
      <c r="E137" s="37"/>
    </row>
    <row r="138" spans="5:5" ht="13.5" hidden="1" customHeight="1" x14ac:dyDescent="0.25">
      <c r="E138" s="37"/>
    </row>
    <row r="139" spans="5:5" ht="13.5" hidden="1" customHeight="1" x14ac:dyDescent="0.25">
      <c r="E139" s="37"/>
    </row>
    <row r="140" spans="5:5" ht="13.5" hidden="1" customHeight="1" x14ac:dyDescent="0.25">
      <c r="E140" s="37"/>
    </row>
    <row r="141" spans="5:5" ht="13.5" hidden="1" customHeight="1" x14ac:dyDescent="0.25">
      <c r="E141" s="37"/>
    </row>
    <row r="142" spans="5:5" ht="13.5" hidden="1" customHeight="1" x14ac:dyDescent="0.25">
      <c r="E142" s="37"/>
    </row>
    <row r="143" spans="5:5" ht="13.5" hidden="1" customHeight="1" x14ac:dyDescent="0.25">
      <c r="E143" s="37"/>
    </row>
    <row r="144" spans="5:5" ht="13.5" hidden="1" customHeight="1" x14ac:dyDescent="0.25">
      <c r="E144" s="37"/>
    </row>
    <row r="145" spans="5:5" ht="13.5" hidden="1" customHeight="1" x14ac:dyDescent="0.25">
      <c r="E145" s="37"/>
    </row>
    <row r="146" spans="5:5" ht="13.5" hidden="1" customHeight="1" x14ac:dyDescent="0.25">
      <c r="E146" s="37"/>
    </row>
    <row r="147" spans="5:5" ht="13.5" hidden="1" customHeight="1" x14ac:dyDescent="0.25">
      <c r="E147" s="37"/>
    </row>
    <row r="148" spans="5:5" ht="13.5" hidden="1" customHeight="1" x14ac:dyDescent="0.25">
      <c r="E148" s="37"/>
    </row>
    <row r="149" spans="5:5" ht="13.5" hidden="1" customHeight="1" x14ac:dyDescent="0.25">
      <c r="E149" s="37"/>
    </row>
    <row r="150" spans="5:5" ht="13.5" hidden="1" customHeight="1" x14ac:dyDescent="0.25">
      <c r="E150" s="37"/>
    </row>
    <row r="151" spans="5:5" ht="13.5" hidden="1" customHeight="1" x14ac:dyDescent="0.25">
      <c r="E151" s="37"/>
    </row>
    <row r="152" spans="5:5" ht="13.5" hidden="1" customHeight="1" x14ac:dyDescent="0.25">
      <c r="E152" s="37"/>
    </row>
    <row r="153" spans="5:5" ht="13.5" hidden="1" customHeight="1" x14ac:dyDescent="0.25">
      <c r="E153" s="37"/>
    </row>
    <row r="154" spans="5:5" ht="13.5" hidden="1" customHeight="1" x14ac:dyDescent="0.25">
      <c r="E154" s="37"/>
    </row>
    <row r="155" spans="5:5" ht="13.5" hidden="1" customHeight="1" x14ac:dyDescent="0.25">
      <c r="E155" s="37"/>
    </row>
    <row r="156" spans="5:5" ht="13.5" hidden="1" customHeight="1" x14ac:dyDescent="0.25">
      <c r="E156" s="37"/>
    </row>
    <row r="157" spans="5:5" ht="13.5" hidden="1" customHeight="1" x14ac:dyDescent="0.25">
      <c r="E157" s="37"/>
    </row>
    <row r="158" spans="5:5" ht="13.5" hidden="1" customHeight="1" x14ac:dyDescent="0.25">
      <c r="E158" s="37"/>
    </row>
    <row r="159" spans="5:5" ht="13.5" hidden="1" customHeight="1" x14ac:dyDescent="0.25">
      <c r="E159" s="37"/>
    </row>
    <row r="160" spans="5:5" ht="13.5" hidden="1" customHeight="1" x14ac:dyDescent="0.25">
      <c r="E160" s="37"/>
    </row>
    <row r="161" spans="5:5" ht="13.5" hidden="1" customHeight="1" x14ac:dyDescent="0.25">
      <c r="E161" s="37"/>
    </row>
    <row r="162" spans="5:5" ht="13.5" hidden="1" customHeight="1" x14ac:dyDescent="0.25">
      <c r="E162" s="37"/>
    </row>
    <row r="163" spans="5:5" ht="13.5" hidden="1" customHeight="1" x14ac:dyDescent="0.25">
      <c r="E163" s="37"/>
    </row>
    <row r="164" spans="5:5" ht="13.5" hidden="1" customHeight="1" x14ac:dyDescent="0.25">
      <c r="E164" s="37"/>
    </row>
    <row r="165" spans="5:5" ht="13.5" hidden="1" customHeight="1" x14ac:dyDescent="0.25">
      <c r="E165" s="37"/>
    </row>
    <row r="166" spans="5:5" ht="13.5" hidden="1" customHeight="1" x14ac:dyDescent="0.25">
      <c r="E166" s="37"/>
    </row>
    <row r="167" spans="5:5" ht="13.5" hidden="1" customHeight="1" x14ac:dyDescent="0.25">
      <c r="E167" s="37"/>
    </row>
    <row r="168" spans="5:5" ht="13.5" hidden="1" customHeight="1" x14ac:dyDescent="0.25">
      <c r="E168" s="37"/>
    </row>
    <row r="169" spans="5:5" ht="13.5" hidden="1" customHeight="1" x14ac:dyDescent="0.25">
      <c r="E169" s="37"/>
    </row>
    <row r="170" spans="5:5" ht="13.5" hidden="1" customHeight="1" x14ac:dyDescent="0.25">
      <c r="E170" s="37"/>
    </row>
    <row r="171" spans="5:5" ht="13.5" hidden="1" customHeight="1" x14ac:dyDescent="0.25">
      <c r="E171" s="37"/>
    </row>
    <row r="172" spans="5:5" ht="13.5" hidden="1" customHeight="1" x14ac:dyDescent="0.25">
      <c r="E172" s="37"/>
    </row>
    <row r="173" spans="5:5" ht="13.5" hidden="1" customHeight="1" x14ac:dyDescent="0.25">
      <c r="E173" s="37"/>
    </row>
    <row r="174" spans="5:5" ht="13.5" hidden="1" customHeight="1" x14ac:dyDescent="0.25">
      <c r="E174" s="37"/>
    </row>
    <row r="175" spans="5:5" ht="13.5" hidden="1" customHeight="1" x14ac:dyDescent="0.25">
      <c r="E175" s="37"/>
    </row>
    <row r="176" spans="5:5" ht="13.5" hidden="1" customHeight="1" x14ac:dyDescent="0.25">
      <c r="E176" s="37"/>
    </row>
    <row r="177" spans="5:5" ht="13.5" hidden="1" customHeight="1" x14ac:dyDescent="0.25">
      <c r="E177" s="37"/>
    </row>
    <row r="178" spans="5:5" ht="13.5" hidden="1" customHeight="1" x14ac:dyDescent="0.25">
      <c r="E178" s="37"/>
    </row>
    <row r="179" spans="5:5" ht="13.5" hidden="1" customHeight="1" x14ac:dyDescent="0.25">
      <c r="E179" s="37"/>
    </row>
    <row r="180" spans="5:5" ht="13.5" hidden="1" customHeight="1" x14ac:dyDescent="0.25">
      <c r="E180" s="37"/>
    </row>
    <row r="181" spans="5:5" ht="13.5" hidden="1" customHeight="1" x14ac:dyDescent="0.25">
      <c r="E181" s="37"/>
    </row>
    <row r="182" spans="5:5" ht="13.5" hidden="1" customHeight="1" x14ac:dyDescent="0.25">
      <c r="E182" s="37"/>
    </row>
    <row r="183" spans="5:5" ht="13.5" hidden="1" customHeight="1" x14ac:dyDescent="0.25">
      <c r="E183" s="37"/>
    </row>
    <row r="184" spans="5:5" ht="13.5" hidden="1" customHeight="1" x14ac:dyDescent="0.25">
      <c r="E184" s="37"/>
    </row>
    <row r="185" spans="5:5" ht="13.5" hidden="1" customHeight="1" x14ac:dyDescent="0.25">
      <c r="E185" s="37"/>
    </row>
    <row r="186" spans="5:5" ht="13.5" hidden="1" customHeight="1" x14ac:dyDescent="0.25">
      <c r="E186" s="37"/>
    </row>
    <row r="187" spans="5:5" ht="13.5" hidden="1" customHeight="1" x14ac:dyDescent="0.25">
      <c r="E187" s="37"/>
    </row>
    <row r="188" spans="5:5" ht="13.5" hidden="1" customHeight="1" x14ac:dyDescent="0.25">
      <c r="E188" s="37"/>
    </row>
    <row r="189" spans="5:5" ht="13.5" hidden="1" customHeight="1" x14ac:dyDescent="0.25">
      <c r="E189" s="37"/>
    </row>
    <row r="190" spans="5:5" ht="13.5" hidden="1" customHeight="1" x14ac:dyDescent="0.25">
      <c r="E190" s="37"/>
    </row>
    <row r="191" spans="5:5" ht="13.5" hidden="1" customHeight="1" x14ac:dyDescent="0.25">
      <c r="E191" s="37"/>
    </row>
    <row r="192" spans="5:5" ht="13.5" hidden="1" customHeight="1" x14ac:dyDescent="0.25">
      <c r="E192" s="37"/>
    </row>
    <row r="193" spans="5:5" ht="13.5" hidden="1" customHeight="1" x14ac:dyDescent="0.25">
      <c r="E193" s="37"/>
    </row>
    <row r="194" spans="5:5" ht="13.5" hidden="1" customHeight="1" x14ac:dyDescent="0.25">
      <c r="E194" s="37"/>
    </row>
    <row r="195" spans="5:5" ht="13.5" hidden="1" customHeight="1" x14ac:dyDescent="0.25">
      <c r="E195" s="37"/>
    </row>
    <row r="196" spans="5:5" ht="13.5" hidden="1" customHeight="1" x14ac:dyDescent="0.25">
      <c r="E196" s="37"/>
    </row>
    <row r="197" spans="5:5" ht="13.5" hidden="1" customHeight="1" x14ac:dyDescent="0.25">
      <c r="E197" s="37"/>
    </row>
    <row r="198" spans="5:5" ht="13.5" hidden="1" customHeight="1" x14ac:dyDescent="0.25">
      <c r="E198" s="37"/>
    </row>
    <row r="199" spans="5:5" ht="13.5" hidden="1" customHeight="1" x14ac:dyDescent="0.25">
      <c r="E199" s="37"/>
    </row>
    <row r="200" spans="5:5" ht="13.5" hidden="1" customHeight="1" x14ac:dyDescent="0.25">
      <c r="E200" s="37"/>
    </row>
    <row r="201" spans="5:5" ht="13.5" hidden="1" customHeight="1" x14ac:dyDescent="0.25">
      <c r="E201" s="37"/>
    </row>
    <row r="202" spans="5:5" ht="13.5" hidden="1" customHeight="1" x14ac:dyDescent="0.25">
      <c r="E202" s="37"/>
    </row>
    <row r="203" spans="5:5" ht="13.5" hidden="1" customHeight="1" x14ac:dyDescent="0.25">
      <c r="E203" s="37"/>
    </row>
    <row r="204" spans="5:5" ht="13.5" hidden="1" customHeight="1" x14ac:dyDescent="0.25">
      <c r="E204" s="37"/>
    </row>
    <row r="205" spans="5:5" ht="13.5" hidden="1" customHeight="1" x14ac:dyDescent="0.25">
      <c r="E205" s="37"/>
    </row>
    <row r="206" spans="5:5" ht="13.5" hidden="1" customHeight="1" x14ac:dyDescent="0.25">
      <c r="E206" s="37"/>
    </row>
    <row r="207" spans="5:5" ht="13.5" hidden="1" customHeight="1" x14ac:dyDescent="0.25">
      <c r="E207" s="37"/>
    </row>
    <row r="208" spans="5:5" ht="13.5" hidden="1" customHeight="1" x14ac:dyDescent="0.25">
      <c r="E208" s="37"/>
    </row>
    <row r="209" spans="5:5" ht="13.5" hidden="1" customHeight="1" x14ac:dyDescent="0.25">
      <c r="E209" s="37"/>
    </row>
    <row r="210" spans="5:5" ht="13.5" hidden="1" customHeight="1" x14ac:dyDescent="0.25">
      <c r="E210" s="37"/>
    </row>
    <row r="211" spans="5:5" ht="13.5" hidden="1" customHeight="1" x14ac:dyDescent="0.25">
      <c r="E211" s="37"/>
    </row>
    <row r="212" spans="5:5" ht="13.5" hidden="1" customHeight="1" x14ac:dyDescent="0.25">
      <c r="E212" s="37"/>
    </row>
    <row r="213" spans="5:5" ht="13.5" hidden="1" customHeight="1" x14ac:dyDescent="0.25">
      <c r="E213" s="37"/>
    </row>
    <row r="214" spans="5:5" ht="13.5" hidden="1" customHeight="1" x14ac:dyDescent="0.25">
      <c r="E214" s="37"/>
    </row>
    <row r="215" spans="5:5" ht="13.5" hidden="1" customHeight="1" x14ac:dyDescent="0.25">
      <c r="E215" s="37"/>
    </row>
    <row r="216" spans="5:5" ht="13.5" hidden="1" customHeight="1" x14ac:dyDescent="0.25">
      <c r="E216" s="37"/>
    </row>
    <row r="217" spans="5:5" ht="13.5" hidden="1" customHeight="1" x14ac:dyDescent="0.25">
      <c r="E217" s="37"/>
    </row>
    <row r="218" spans="5:5" ht="13.5" hidden="1" customHeight="1" x14ac:dyDescent="0.25">
      <c r="E218" s="37"/>
    </row>
    <row r="219" spans="5:5" ht="13.5" hidden="1" customHeight="1" x14ac:dyDescent="0.25">
      <c r="E219" s="37"/>
    </row>
    <row r="220" spans="5:5" ht="13.5" hidden="1" customHeight="1" x14ac:dyDescent="0.25">
      <c r="E220" s="37"/>
    </row>
    <row r="221" spans="5:5" ht="13.5" hidden="1" customHeight="1" x14ac:dyDescent="0.25">
      <c r="E221" s="37"/>
    </row>
    <row r="222" spans="5:5" ht="13.5" hidden="1" customHeight="1" x14ac:dyDescent="0.25">
      <c r="E222" s="37"/>
    </row>
    <row r="223" spans="5:5" ht="13.5" hidden="1" customHeight="1" x14ac:dyDescent="0.25">
      <c r="E223" s="37"/>
    </row>
    <row r="224" spans="5:5" ht="13.5" hidden="1" customHeight="1" x14ac:dyDescent="0.25">
      <c r="E224" s="37"/>
    </row>
    <row r="225" spans="5:5" ht="13.5" hidden="1" customHeight="1" x14ac:dyDescent="0.25">
      <c r="E225" s="37"/>
    </row>
    <row r="226" spans="5:5" ht="13.5" hidden="1" customHeight="1" x14ac:dyDescent="0.25">
      <c r="E226" s="37"/>
    </row>
    <row r="227" spans="5:5" ht="13.5" hidden="1" customHeight="1" x14ac:dyDescent="0.25">
      <c r="E227" s="37"/>
    </row>
    <row r="228" spans="5:5" ht="13.5" hidden="1" customHeight="1" x14ac:dyDescent="0.25">
      <c r="E228" s="37"/>
    </row>
    <row r="229" spans="5:5" ht="13.5" hidden="1" customHeight="1" x14ac:dyDescent="0.25">
      <c r="E229" s="37"/>
    </row>
    <row r="230" spans="5:5" ht="13.5" hidden="1" customHeight="1" x14ac:dyDescent="0.25">
      <c r="E230" s="37"/>
    </row>
    <row r="231" spans="5:5" ht="13.5" hidden="1" customHeight="1" x14ac:dyDescent="0.25">
      <c r="E231" s="37"/>
    </row>
    <row r="232" spans="5:5" ht="13.5" hidden="1" customHeight="1" x14ac:dyDescent="0.25">
      <c r="E232" s="37"/>
    </row>
    <row r="233" spans="5:5" ht="13.5" hidden="1" customHeight="1" x14ac:dyDescent="0.25">
      <c r="E233" s="37"/>
    </row>
    <row r="234" spans="5:5" ht="13.5" hidden="1" customHeight="1" x14ac:dyDescent="0.25">
      <c r="E234" s="37"/>
    </row>
    <row r="235" spans="5:5" ht="13.5" hidden="1" customHeight="1" x14ac:dyDescent="0.25">
      <c r="E235" s="37"/>
    </row>
    <row r="236" spans="5:5" ht="13.5" hidden="1" customHeight="1" x14ac:dyDescent="0.25">
      <c r="E236" s="37"/>
    </row>
    <row r="237" spans="5:5" ht="13.5" hidden="1" customHeight="1" x14ac:dyDescent="0.25">
      <c r="E237" s="37"/>
    </row>
    <row r="238" spans="5:5" ht="13.5" hidden="1" customHeight="1" x14ac:dyDescent="0.25">
      <c r="E238" s="37"/>
    </row>
    <row r="239" spans="5:5" ht="13.5" hidden="1" customHeight="1" x14ac:dyDescent="0.25">
      <c r="E239" s="37"/>
    </row>
    <row r="240" spans="5:5" ht="13.5" hidden="1" customHeight="1" x14ac:dyDescent="0.25">
      <c r="E240" s="37"/>
    </row>
    <row r="241" spans="5:5" ht="13.5" hidden="1" customHeight="1" x14ac:dyDescent="0.25">
      <c r="E241" s="37"/>
    </row>
    <row r="242" spans="5:5" ht="13.5" hidden="1" customHeight="1" x14ac:dyDescent="0.25">
      <c r="E242" s="37"/>
    </row>
    <row r="243" spans="5:5" ht="13.5" hidden="1" customHeight="1" x14ac:dyDescent="0.25">
      <c r="E243" s="37"/>
    </row>
    <row r="244" spans="5:5" ht="13.5" hidden="1" customHeight="1" x14ac:dyDescent="0.25">
      <c r="E244" s="37"/>
    </row>
    <row r="245" spans="5:5" ht="13.5" hidden="1" customHeight="1" x14ac:dyDescent="0.25">
      <c r="E245" s="37"/>
    </row>
    <row r="246" spans="5:5" ht="13.5" hidden="1" customHeight="1" x14ac:dyDescent="0.25">
      <c r="E246" s="37"/>
    </row>
    <row r="247" spans="5:5" ht="13.5" hidden="1" customHeight="1" x14ac:dyDescent="0.25">
      <c r="E247" s="37"/>
    </row>
    <row r="248" spans="5:5" ht="13.5" hidden="1" customHeight="1" x14ac:dyDescent="0.25">
      <c r="E248" s="37"/>
    </row>
    <row r="249" spans="5:5" ht="13.5" hidden="1" customHeight="1" x14ac:dyDescent="0.25">
      <c r="E249" s="37"/>
    </row>
    <row r="250" spans="5:5" ht="13.5" hidden="1" customHeight="1" x14ac:dyDescent="0.25">
      <c r="E250" s="37"/>
    </row>
    <row r="251" spans="5:5" ht="13.5" hidden="1" customHeight="1" x14ac:dyDescent="0.25">
      <c r="E251" s="37"/>
    </row>
    <row r="252" spans="5:5" ht="13.5" hidden="1" customHeight="1" x14ac:dyDescent="0.25">
      <c r="E252" s="37"/>
    </row>
    <row r="253" spans="5:5" ht="13.5" hidden="1" customHeight="1" x14ac:dyDescent="0.25">
      <c r="E253" s="37"/>
    </row>
    <row r="254" spans="5:5" ht="13.5" hidden="1" customHeight="1" x14ac:dyDescent="0.25">
      <c r="E254" s="37"/>
    </row>
    <row r="255" spans="5:5" ht="13.5" hidden="1" customHeight="1" x14ac:dyDescent="0.25">
      <c r="E255" s="37"/>
    </row>
    <row r="256" spans="5:5" ht="13.5" hidden="1" customHeight="1" x14ac:dyDescent="0.25">
      <c r="E256" s="37"/>
    </row>
    <row r="257" spans="5:5" ht="13.5" hidden="1" customHeight="1" x14ac:dyDescent="0.25">
      <c r="E257" s="37"/>
    </row>
    <row r="258" spans="5:5" ht="13.5" hidden="1" customHeight="1" x14ac:dyDescent="0.25">
      <c r="E258" s="37"/>
    </row>
    <row r="259" spans="5:5" ht="13.5" hidden="1" customHeight="1" x14ac:dyDescent="0.25">
      <c r="E259" s="37"/>
    </row>
    <row r="260" spans="5:5" ht="13.5" hidden="1" customHeight="1" x14ac:dyDescent="0.25">
      <c r="E260" s="37"/>
    </row>
    <row r="261" spans="5:5" ht="13.5" hidden="1" customHeight="1" x14ac:dyDescent="0.25">
      <c r="E261" s="37"/>
    </row>
    <row r="262" spans="5:5" ht="13.5" hidden="1" customHeight="1" x14ac:dyDescent="0.25">
      <c r="E262" s="37"/>
    </row>
    <row r="263" spans="5:5" ht="13.5" hidden="1" customHeight="1" x14ac:dyDescent="0.25">
      <c r="E263" s="37"/>
    </row>
    <row r="264" spans="5:5" ht="13.5" hidden="1" customHeight="1" x14ac:dyDescent="0.25">
      <c r="E264" s="37"/>
    </row>
    <row r="265" spans="5:5" ht="13.5" hidden="1" customHeight="1" x14ac:dyDescent="0.25">
      <c r="E265" s="37"/>
    </row>
    <row r="266" spans="5:5" ht="13.5" hidden="1" customHeight="1" x14ac:dyDescent="0.25">
      <c r="E266" s="37"/>
    </row>
    <row r="267" spans="5:5" ht="13.5" hidden="1" customHeight="1" x14ac:dyDescent="0.25">
      <c r="E267" s="37"/>
    </row>
    <row r="268" spans="5:5" ht="13.5" hidden="1" customHeight="1" x14ac:dyDescent="0.25">
      <c r="E268" s="37"/>
    </row>
    <row r="269" spans="5:5" ht="13.5" hidden="1" customHeight="1" x14ac:dyDescent="0.25">
      <c r="E269" s="37"/>
    </row>
    <row r="270" spans="5:5" ht="13.5" hidden="1" customHeight="1" x14ac:dyDescent="0.25">
      <c r="E270" s="37"/>
    </row>
    <row r="271" spans="5:5" ht="13.5" hidden="1" customHeight="1" x14ac:dyDescent="0.25">
      <c r="E271" s="37"/>
    </row>
    <row r="272" spans="5:5" ht="13.5" hidden="1" customHeight="1" x14ac:dyDescent="0.25">
      <c r="E272" s="37"/>
    </row>
    <row r="273" spans="5:5" ht="13.5" hidden="1" customHeight="1" x14ac:dyDescent="0.25">
      <c r="E273" s="37"/>
    </row>
    <row r="274" spans="5:5" ht="13.5" hidden="1" customHeight="1" x14ac:dyDescent="0.25">
      <c r="E274" s="37"/>
    </row>
    <row r="275" spans="5:5" ht="13.5" hidden="1" customHeight="1" x14ac:dyDescent="0.25">
      <c r="E275" s="37"/>
    </row>
    <row r="276" spans="5:5" ht="13.5" hidden="1" customHeight="1" x14ac:dyDescent="0.25">
      <c r="E276" s="37"/>
    </row>
    <row r="277" spans="5:5" ht="13.5" hidden="1" customHeight="1" x14ac:dyDescent="0.25">
      <c r="E277" s="37"/>
    </row>
    <row r="278" spans="5:5" ht="13.5" hidden="1" customHeight="1" x14ac:dyDescent="0.25">
      <c r="E278" s="37"/>
    </row>
    <row r="279" spans="5:5" ht="13.5" hidden="1" customHeight="1" x14ac:dyDescent="0.25">
      <c r="E279" s="37"/>
    </row>
    <row r="280" spans="5:5" ht="13.5" hidden="1" customHeight="1" x14ac:dyDescent="0.25">
      <c r="E280" s="37"/>
    </row>
    <row r="281" spans="5:5" ht="13.5" hidden="1" customHeight="1" x14ac:dyDescent="0.25">
      <c r="E281" s="37"/>
    </row>
    <row r="282" spans="5:5" ht="13.5" hidden="1" customHeight="1" x14ac:dyDescent="0.25">
      <c r="E282" s="37"/>
    </row>
    <row r="283" spans="5:5" ht="13.5" hidden="1" customHeight="1" x14ac:dyDescent="0.25">
      <c r="E283" s="37"/>
    </row>
    <row r="284" spans="5:5" ht="13.5" hidden="1" customHeight="1" x14ac:dyDescent="0.25">
      <c r="E284" s="37"/>
    </row>
    <row r="285" spans="5:5" ht="13.5" hidden="1" customHeight="1" x14ac:dyDescent="0.25">
      <c r="E285" s="37"/>
    </row>
    <row r="286" spans="5:5" ht="13.5" hidden="1" customHeight="1" x14ac:dyDescent="0.25">
      <c r="E286" s="37"/>
    </row>
    <row r="287" spans="5:5" ht="13.5" hidden="1" customHeight="1" x14ac:dyDescent="0.25">
      <c r="E287" s="37"/>
    </row>
    <row r="288" spans="5:5" ht="13.5" hidden="1" customHeight="1" x14ac:dyDescent="0.25">
      <c r="E288" s="37"/>
    </row>
    <row r="289" spans="5:5" ht="13.5" hidden="1" customHeight="1" x14ac:dyDescent="0.25">
      <c r="E289" s="37"/>
    </row>
    <row r="290" spans="5:5" ht="13.5" hidden="1" customHeight="1" x14ac:dyDescent="0.25">
      <c r="E290" s="37"/>
    </row>
    <row r="291" spans="5:5" ht="13.5" hidden="1" customHeight="1" x14ac:dyDescent="0.25">
      <c r="E291" s="37"/>
    </row>
    <row r="292" spans="5:5" ht="13.5" hidden="1" customHeight="1" x14ac:dyDescent="0.25">
      <c r="E292" s="37"/>
    </row>
    <row r="293" spans="5:5" ht="13.5" hidden="1" customHeight="1" x14ac:dyDescent="0.25">
      <c r="E293" s="37"/>
    </row>
    <row r="294" spans="5:5" ht="13.5" hidden="1" customHeight="1" x14ac:dyDescent="0.25">
      <c r="E294" s="37"/>
    </row>
    <row r="295" spans="5:5" ht="13.5" hidden="1" customHeight="1" x14ac:dyDescent="0.25">
      <c r="E295" s="37"/>
    </row>
    <row r="296" spans="5:5" ht="13.5" hidden="1" customHeight="1" x14ac:dyDescent="0.25">
      <c r="E296" s="37"/>
    </row>
    <row r="297" spans="5:5" ht="13.5" hidden="1" customHeight="1" x14ac:dyDescent="0.25">
      <c r="E297" s="37"/>
    </row>
    <row r="298" spans="5:5" ht="13.5" hidden="1" customHeight="1" x14ac:dyDescent="0.25">
      <c r="E298" s="37"/>
    </row>
    <row r="299" spans="5:5" ht="13.5" hidden="1" customHeight="1" x14ac:dyDescent="0.25">
      <c r="E299" s="37"/>
    </row>
    <row r="300" spans="5:5" ht="13.5" hidden="1" customHeight="1" x14ac:dyDescent="0.25">
      <c r="E300" s="37"/>
    </row>
    <row r="301" spans="5:5" ht="13.5" hidden="1" customHeight="1" x14ac:dyDescent="0.25">
      <c r="E301" s="37"/>
    </row>
    <row r="302" spans="5:5" ht="13.5" hidden="1" customHeight="1" x14ac:dyDescent="0.25">
      <c r="E302" s="37"/>
    </row>
    <row r="303" spans="5:5" ht="13.5" hidden="1" customHeight="1" x14ac:dyDescent="0.25">
      <c r="E303" s="37"/>
    </row>
    <row r="304" spans="5:5" ht="13.5" hidden="1" customHeight="1" x14ac:dyDescent="0.25">
      <c r="E304" s="37"/>
    </row>
    <row r="305" spans="5:5" ht="13.5" hidden="1" customHeight="1" x14ac:dyDescent="0.25">
      <c r="E305" s="37"/>
    </row>
    <row r="306" spans="5:5" ht="13.5" hidden="1" customHeight="1" x14ac:dyDescent="0.25">
      <c r="E306" s="37"/>
    </row>
    <row r="307" spans="5:5" ht="13.5" hidden="1" customHeight="1" x14ac:dyDescent="0.25">
      <c r="E307" s="37"/>
    </row>
    <row r="308" spans="5:5" ht="13.5" hidden="1" customHeight="1" x14ac:dyDescent="0.25">
      <c r="E308" s="37"/>
    </row>
    <row r="309" spans="5:5" ht="13.5" hidden="1" customHeight="1" x14ac:dyDescent="0.25">
      <c r="E309" s="37"/>
    </row>
    <row r="310" spans="5:5" ht="13.5" hidden="1" customHeight="1" x14ac:dyDescent="0.25">
      <c r="E310" s="37"/>
    </row>
    <row r="311" spans="5:5" ht="13.5" hidden="1" customHeight="1" x14ac:dyDescent="0.25">
      <c r="E311" s="37"/>
    </row>
    <row r="312" spans="5:5" ht="13.5" hidden="1" customHeight="1" x14ac:dyDescent="0.25">
      <c r="E312" s="37"/>
    </row>
    <row r="313" spans="5:5" ht="13.5" hidden="1" customHeight="1" x14ac:dyDescent="0.25">
      <c r="E313" s="37"/>
    </row>
    <row r="314" spans="5:5" ht="13.5" hidden="1" customHeight="1" x14ac:dyDescent="0.25">
      <c r="E314" s="37"/>
    </row>
    <row r="315" spans="5:5" ht="13.5" hidden="1" customHeight="1" x14ac:dyDescent="0.25">
      <c r="E315" s="37"/>
    </row>
    <row r="316" spans="5:5" ht="13.5" hidden="1" customHeight="1" x14ac:dyDescent="0.25">
      <c r="E316" s="37"/>
    </row>
    <row r="317" spans="5:5" ht="13.5" hidden="1" customHeight="1" x14ac:dyDescent="0.25">
      <c r="E317" s="37"/>
    </row>
    <row r="318" spans="5:5" ht="13.5" hidden="1" customHeight="1" x14ac:dyDescent="0.25">
      <c r="E318" s="37"/>
    </row>
    <row r="319" spans="5:5" ht="13.5" hidden="1" customHeight="1" x14ac:dyDescent="0.25">
      <c r="E319" s="37"/>
    </row>
    <row r="320" spans="5:5" ht="13.5" hidden="1" customHeight="1" x14ac:dyDescent="0.25">
      <c r="E320" s="37"/>
    </row>
    <row r="321" spans="5:5" ht="13.5" hidden="1" customHeight="1" x14ac:dyDescent="0.25">
      <c r="E321" s="37"/>
    </row>
    <row r="322" spans="5:5" ht="13.5" hidden="1" customHeight="1" x14ac:dyDescent="0.25">
      <c r="E322" s="37"/>
    </row>
    <row r="323" spans="5:5" ht="13.5" hidden="1" customHeight="1" x14ac:dyDescent="0.25">
      <c r="E323" s="37"/>
    </row>
    <row r="324" spans="5:5" ht="13.5" hidden="1" customHeight="1" x14ac:dyDescent="0.25">
      <c r="E324" s="37"/>
    </row>
    <row r="325" spans="5:5" ht="13.5" hidden="1" customHeight="1" x14ac:dyDescent="0.25">
      <c r="E325" s="37"/>
    </row>
    <row r="326" spans="5:5" ht="13.5" hidden="1" customHeight="1" x14ac:dyDescent="0.25">
      <c r="E326" s="37"/>
    </row>
    <row r="327" spans="5:5" ht="13.5" hidden="1" customHeight="1" x14ac:dyDescent="0.25">
      <c r="E327" s="37"/>
    </row>
    <row r="328" spans="5:5" ht="13.5" hidden="1" customHeight="1" x14ac:dyDescent="0.25">
      <c r="E328" s="37"/>
    </row>
    <row r="329" spans="5:5" ht="13.5" hidden="1" customHeight="1" x14ac:dyDescent="0.25">
      <c r="E329" s="37"/>
    </row>
    <row r="330" spans="5:5" ht="13.5" hidden="1" customHeight="1" x14ac:dyDescent="0.25">
      <c r="E330" s="37"/>
    </row>
    <row r="331" spans="5:5" ht="13.5" hidden="1" customHeight="1" x14ac:dyDescent="0.25">
      <c r="E331" s="37"/>
    </row>
    <row r="332" spans="5:5" ht="13.5" hidden="1" customHeight="1" x14ac:dyDescent="0.25">
      <c r="E332" s="37"/>
    </row>
    <row r="333" spans="5:5" ht="13.5" hidden="1" customHeight="1" x14ac:dyDescent="0.25">
      <c r="E333" s="37"/>
    </row>
    <row r="334" spans="5:5" ht="13.5" hidden="1" customHeight="1" x14ac:dyDescent="0.25">
      <c r="E334" s="37"/>
    </row>
    <row r="335" spans="5:5" ht="13.5" hidden="1" customHeight="1" x14ac:dyDescent="0.25">
      <c r="E335" s="37"/>
    </row>
    <row r="336" spans="5:5" ht="13.5" hidden="1" customHeight="1" x14ac:dyDescent="0.25">
      <c r="E336" s="37"/>
    </row>
    <row r="337" spans="5:5" ht="13.5" hidden="1" customHeight="1" x14ac:dyDescent="0.25">
      <c r="E337" s="37"/>
    </row>
    <row r="338" spans="5:5" ht="13.5" hidden="1" customHeight="1" x14ac:dyDescent="0.25">
      <c r="E338" s="37"/>
    </row>
    <row r="339" spans="5:5" ht="13.5" hidden="1" customHeight="1" x14ac:dyDescent="0.25">
      <c r="E339" s="37"/>
    </row>
    <row r="340" spans="5:5" ht="13.5" hidden="1" customHeight="1" x14ac:dyDescent="0.25">
      <c r="E340" s="37"/>
    </row>
    <row r="341" spans="5:5" ht="13.5" hidden="1" customHeight="1" x14ac:dyDescent="0.25">
      <c r="E341" s="37"/>
    </row>
    <row r="342" spans="5:5" ht="13.5" hidden="1" customHeight="1" x14ac:dyDescent="0.25">
      <c r="E342" s="37"/>
    </row>
    <row r="343" spans="5:5" ht="13.5" hidden="1" customHeight="1" x14ac:dyDescent="0.25">
      <c r="E343" s="37"/>
    </row>
    <row r="344" spans="5:5" ht="13.5" hidden="1" customHeight="1" x14ac:dyDescent="0.25">
      <c r="E344" s="37"/>
    </row>
    <row r="345" spans="5:5" ht="13.5" hidden="1" customHeight="1" x14ac:dyDescent="0.25">
      <c r="E345" s="37"/>
    </row>
    <row r="346" spans="5:5" ht="13.5" hidden="1" customHeight="1" x14ac:dyDescent="0.25">
      <c r="E346" s="37"/>
    </row>
    <row r="347" spans="5:5" ht="13.5" hidden="1" customHeight="1" x14ac:dyDescent="0.25">
      <c r="E347" s="37"/>
    </row>
    <row r="348" spans="5:5" ht="13.5" hidden="1" customHeight="1" x14ac:dyDescent="0.25">
      <c r="E348" s="37"/>
    </row>
    <row r="349" spans="5:5" ht="13.5" hidden="1" customHeight="1" x14ac:dyDescent="0.25">
      <c r="E349" s="37"/>
    </row>
    <row r="350" spans="5:5" ht="13.5" hidden="1" customHeight="1" x14ac:dyDescent="0.25">
      <c r="E350" s="37"/>
    </row>
    <row r="351" spans="5:5" ht="13.5" hidden="1" customHeight="1" x14ac:dyDescent="0.25">
      <c r="E351" s="37"/>
    </row>
    <row r="352" spans="5:5" ht="13.5" hidden="1" customHeight="1" x14ac:dyDescent="0.25">
      <c r="E352" s="37"/>
    </row>
    <row r="353" spans="5:5" ht="13.5" hidden="1" customHeight="1" x14ac:dyDescent="0.25">
      <c r="E353" s="37"/>
    </row>
    <row r="354" spans="5:5" ht="13.5" hidden="1" customHeight="1" x14ac:dyDescent="0.25">
      <c r="E354" s="37"/>
    </row>
    <row r="355" spans="5:5" ht="13.5" hidden="1" customHeight="1" x14ac:dyDescent="0.25">
      <c r="E355" s="37"/>
    </row>
    <row r="356" spans="5:5" ht="13.5" hidden="1" customHeight="1" x14ac:dyDescent="0.25">
      <c r="E356" s="37"/>
    </row>
    <row r="357" spans="5:5" ht="13.5" hidden="1" customHeight="1" x14ac:dyDescent="0.25">
      <c r="E357" s="37"/>
    </row>
    <row r="358" spans="5:5" ht="13.5" hidden="1" customHeight="1" x14ac:dyDescent="0.25">
      <c r="E358" s="37"/>
    </row>
    <row r="359" spans="5:5" ht="13.5" hidden="1" customHeight="1" x14ac:dyDescent="0.25">
      <c r="E359" s="37"/>
    </row>
    <row r="360" spans="5:5" ht="13.5" hidden="1" customHeight="1" x14ac:dyDescent="0.25">
      <c r="E360" s="37"/>
    </row>
    <row r="361" spans="5:5" ht="13.5" hidden="1" customHeight="1" x14ac:dyDescent="0.25">
      <c r="E361" s="37"/>
    </row>
    <row r="362" spans="5:5" ht="13.5" hidden="1" customHeight="1" x14ac:dyDescent="0.25">
      <c r="E362" s="37"/>
    </row>
    <row r="363" spans="5:5" ht="13.5" hidden="1" customHeight="1" x14ac:dyDescent="0.25">
      <c r="E363" s="37"/>
    </row>
    <row r="364" spans="5:5" ht="13.5" hidden="1" customHeight="1" x14ac:dyDescent="0.25">
      <c r="E364" s="37"/>
    </row>
    <row r="365" spans="5:5" ht="13.5" hidden="1" customHeight="1" x14ac:dyDescent="0.25">
      <c r="E365" s="37"/>
    </row>
    <row r="366" spans="5:5" ht="13.5" hidden="1" customHeight="1" x14ac:dyDescent="0.25">
      <c r="E366" s="37"/>
    </row>
    <row r="367" spans="5:5" ht="13.5" hidden="1" customHeight="1" x14ac:dyDescent="0.25">
      <c r="E367" s="37"/>
    </row>
    <row r="368" spans="5:5" ht="13.5" hidden="1" customHeight="1" x14ac:dyDescent="0.25">
      <c r="E368" s="37"/>
    </row>
    <row r="369" spans="5:5" ht="13.5" hidden="1" customHeight="1" x14ac:dyDescent="0.25">
      <c r="E369" s="37"/>
    </row>
    <row r="370" spans="5:5" ht="13.5" hidden="1" customHeight="1" x14ac:dyDescent="0.25">
      <c r="E370" s="37"/>
    </row>
    <row r="371" spans="5:5" ht="13.5" hidden="1" customHeight="1" x14ac:dyDescent="0.25">
      <c r="E371" s="37"/>
    </row>
    <row r="372" spans="5:5" ht="13.5" hidden="1" customHeight="1" x14ac:dyDescent="0.25">
      <c r="E372" s="37"/>
    </row>
    <row r="373" spans="5:5" ht="13.5" hidden="1" customHeight="1" x14ac:dyDescent="0.25">
      <c r="E373" s="37"/>
    </row>
    <row r="374" spans="5:5" ht="13.5" hidden="1" customHeight="1" x14ac:dyDescent="0.25">
      <c r="E374" s="37"/>
    </row>
    <row r="375" spans="5:5" ht="13.5" hidden="1" customHeight="1" x14ac:dyDescent="0.25">
      <c r="E375" s="37"/>
    </row>
    <row r="376" spans="5:5" ht="13.5" hidden="1" customHeight="1" x14ac:dyDescent="0.25">
      <c r="E376" s="37"/>
    </row>
    <row r="377" spans="5:5" ht="13.5" hidden="1" customHeight="1" x14ac:dyDescent="0.25">
      <c r="E377" s="37"/>
    </row>
    <row r="378" spans="5:5" ht="13.5" hidden="1" customHeight="1" x14ac:dyDescent="0.25">
      <c r="E378" s="37"/>
    </row>
    <row r="379" spans="5:5" ht="13.5" hidden="1" customHeight="1" x14ac:dyDescent="0.25">
      <c r="E379" s="37"/>
    </row>
    <row r="380" spans="5:5" ht="13.5" hidden="1" customHeight="1" x14ac:dyDescent="0.25">
      <c r="E380" s="37"/>
    </row>
    <row r="381" spans="5:5" ht="13.5" hidden="1" customHeight="1" x14ac:dyDescent="0.25">
      <c r="E381" s="37"/>
    </row>
    <row r="382" spans="5:5" ht="13.5" hidden="1" customHeight="1" x14ac:dyDescent="0.25">
      <c r="E382" s="37"/>
    </row>
    <row r="383" spans="5:5" ht="13.5" hidden="1" customHeight="1" x14ac:dyDescent="0.25">
      <c r="E383" s="37"/>
    </row>
    <row r="384" spans="5:5" ht="13.5" hidden="1" customHeight="1" x14ac:dyDescent="0.25">
      <c r="E384" s="37"/>
    </row>
    <row r="385" spans="5:5" ht="13.5" hidden="1" customHeight="1" x14ac:dyDescent="0.25">
      <c r="E385" s="37"/>
    </row>
    <row r="386" spans="5:5" ht="13.5" hidden="1" customHeight="1" x14ac:dyDescent="0.25">
      <c r="E386" s="37"/>
    </row>
    <row r="387" spans="5:5" ht="13.5" hidden="1" customHeight="1" x14ac:dyDescent="0.25">
      <c r="E387" s="37"/>
    </row>
    <row r="388" spans="5:5" ht="13.5" hidden="1" customHeight="1" x14ac:dyDescent="0.25">
      <c r="E388" s="37"/>
    </row>
    <row r="389" spans="5:5" ht="13.5" hidden="1" customHeight="1" x14ac:dyDescent="0.25">
      <c r="E389" s="37"/>
    </row>
    <row r="390" spans="5:5" ht="13.5" hidden="1" customHeight="1" x14ac:dyDescent="0.25">
      <c r="E390" s="37"/>
    </row>
    <row r="391" spans="5:5" ht="13.5" hidden="1" customHeight="1" x14ac:dyDescent="0.25">
      <c r="E391" s="37"/>
    </row>
    <row r="392" spans="5:5" ht="13.5" hidden="1" customHeight="1" x14ac:dyDescent="0.25">
      <c r="E392" s="37"/>
    </row>
    <row r="393" spans="5:5" ht="13.5" hidden="1" customHeight="1" x14ac:dyDescent="0.25">
      <c r="E393" s="37"/>
    </row>
    <row r="394" spans="5:5" ht="13.5" hidden="1" customHeight="1" x14ac:dyDescent="0.25">
      <c r="E394" s="37"/>
    </row>
    <row r="395" spans="5:5" ht="13.5" hidden="1" customHeight="1" x14ac:dyDescent="0.25">
      <c r="E395" s="37"/>
    </row>
    <row r="396" spans="5:5" ht="13.5" hidden="1" customHeight="1" x14ac:dyDescent="0.25">
      <c r="E396" s="37"/>
    </row>
    <row r="397" spans="5:5" ht="13.5" hidden="1" customHeight="1" x14ac:dyDescent="0.25">
      <c r="E397" s="37"/>
    </row>
    <row r="398" spans="5:5" ht="13.5" hidden="1" customHeight="1" x14ac:dyDescent="0.25">
      <c r="E398" s="37"/>
    </row>
    <row r="399" spans="5:5" ht="13.5" hidden="1" customHeight="1" x14ac:dyDescent="0.25">
      <c r="E399" s="37"/>
    </row>
    <row r="400" spans="5:5" ht="13.5" hidden="1" customHeight="1" x14ac:dyDescent="0.25">
      <c r="E400" s="37"/>
    </row>
    <row r="401" spans="5:5" ht="13.5" hidden="1" customHeight="1" x14ac:dyDescent="0.25">
      <c r="E401" s="37"/>
    </row>
    <row r="402" spans="5:5" ht="13.5" hidden="1" customHeight="1" x14ac:dyDescent="0.25">
      <c r="E402" s="37"/>
    </row>
    <row r="403" spans="5:5" ht="13.5" hidden="1" customHeight="1" x14ac:dyDescent="0.25">
      <c r="E403" s="37"/>
    </row>
    <row r="404" spans="5:5" ht="13.5" hidden="1" customHeight="1" x14ac:dyDescent="0.25">
      <c r="E404" s="37"/>
    </row>
    <row r="405" spans="5:5" ht="13.5" hidden="1" customHeight="1" x14ac:dyDescent="0.25">
      <c r="E405" s="37"/>
    </row>
    <row r="406" spans="5:5" ht="13.5" hidden="1" customHeight="1" x14ac:dyDescent="0.25">
      <c r="E406" s="37"/>
    </row>
    <row r="407" spans="5:5" ht="13.5" hidden="1" customHeight="1" x14ac:dyDescent="0.25">
      <c r="E407" s="37"/>
    </row>
    <row r="408" spans="5:5" ht="13.5" hidden="1" customHeight="1" x14ac:dyDescent="0.25">
      <c r="E408" s="37"/>
    </row>
    <row r="409" spans="5:5" ht="13.5" hidden="1" customHeight="1" x14ac:dyDescent="0.25">
      <c r="E409" s="37"/>
    </row>
    <row r="410" spans="5:5" ht="13.5" hidden="1" customHeight="1" x14ac:dyDescent="0.25">
      <c r="E410" s="37"/>
    </row>
    <row r="411" spans="5:5" ht="13.5" hidden="1" customHeight="1" x14ac:dyDescent="0.25">
      <c r="E411" s="37"/>
    </row>
    <row r="412" spans="5:5" ht="13.5" hidden="1" customHeight="1" x14ac:dyDescent="0.25">
      <c r="E412" s="37"/>
    </row>
    <row r="413" spans="5:5" ht="13.5" hidden="1" customHeight="1" x14ac:dyDescent="0.25">
      <c r="E413" s="37"/>
    </row>
    <row r="414" spans="5:5" ht="13.5" hidden="1" customHeight="1" x14ac:dyDescent="0.25">
      <c r="E414" s="37"/>
    </row>
    <row r="415" spans="5:5" ht="13.5" hidden="1" customHeight="1" x14ac:dyDescent="0.25">
      <c r="E415" s="37"/>
    </row>
    <row r="416" spans="5:5" ht="13.5" hidden="1" customHeight="1" x14ac:dyDescent="0.25">
      <c r="E416" s="37"/>
    </row>
    <row r="417" spans="5:5" ht="13.5" hidden="1" customHeight="1" x14ac:dyDescent="0.25">
      <c r="E417" s="37"/>
    </row>
    <row r="418" spans="5:5" ht="13.5" hidden="1" customHeight="1" x14ac:dyDescent="0.25">
      <c r="E418" s="37"/>
    </row>
    <row r="419" spans="5:5" ht="13.5" hidden="1" customHeight="1" x14ac:dyDescent="0.25">
      <c r="E419" s="37"/>
    </row>
    <row r="420" spans="5:5" ht="13.5" hidden="1" customHeight="1" x14ac:dyDescent="0.25">
      <c r="E420" s="37"/>
    </row>
    <row r="421" spans="5:5" ht="13.5" hidden="1" customHeight="1" x14ac:dyDescent="0.25">
      <c r="E421" s="37"/>
    </row>
    <row r="422" spans="5:5" ht="13.5" hidden="1" customHeight="1" x14ac:dyDescent="0.25">
      <c r="E422" s="37"/>
    </row>
    <row r="423" spans="5:5" ht="13.5" hidden="1" customHeight="1" x14ac:dyDescent="0.25">
      <c r="E423" s="37"/>
    </row>
    <row r="424" spans="5:5" ht="13.5" hidden="1" customHeight="1" x14ac:dyDescent="0.25">
      <c r="E424" s="37"/>
    </row>
    <row r="425" spans="5:5" ht="13.5" hidden="1" customHeight="1" x14ac:dyDescent="0.25">
      <c r="E425" s="37"/>
    </row>
    <row r="426" spans="5:5" ht="13.5" hidden="1" customHeight="1" x14ac:dyDescent="0.25">
      <c r="E426" s="37"/>
    </row>
    <row r="427" spans="5:5" ht="13.5" hidden="1" customHeight="1" x14ac:dyDescent="0.25">
      <c r="E427" s="37"/>
    </row>
    <row r="428" spans="5:5" ht="13.5" hidden="1" customHeight="1" x14ac:dyDescent="0.25">
      <c r="E428" s="37"/>
    </row>
    <row r="429" spans="5:5" ht="13.5" hidden="1" customHeight="1" x14ac:dyDescent="0.25">
      <c r="E429" s="37"/>
    </row>
    <row r="430" spans="5:5" ht="13.5" hidden="1" customHeight="1" x14ac:dyDescent="0.25">
      <c r="E430" s="37"/>
    </row>
    <row r="431" spans="5:5" ht="13.5" hidden="1" customHeight="1" x14ac:dyDescent="0.25">
      <c r="E431" s="37"/>
    </row>
    <row r="432" spans="5:5" ht="13.5" hidden="1" customHeight="1" x14ac:dyDescent="0.25">
      <c r="E432" s="37"/>
    </row>
    <row r="433" spans="5:5" ht="13.5" hidden="1" customHeight="1" x14ac:dyDescent="0.25">
      <c r="E433" s="37"/>
    </row>
    <row r="434" spans="5:5" ht="13.5" hidden="1" customHeight="1" x14ac:dyDescent="0.25">
      <c r="E434" s="37"/>
    </row>
    <row r="435" spans="5:5" ht="13.5" hidden="1" customHeight="1" x14ac:dyDescent="0.25">
      <c r="E435" s="37"/>
    </row>
    <row r="436" spans="5:5" ht="13.5" hidden="1" customHeight="1" x14ac:dyDescent="0.25">
      <c r="E436" s="37"/>
    </row>
    <row r="437" spans="5:5" ht="13.5" hidden="1" customHeight="1" x14ac:dyDescent="0.25">
      <c r="E437" s="37"/>
    </row>
    <row r="438" spans="5:5" ht="13.5" hidden="1" customHeight="1" x14ac:dyDescent="0.25">
      <c r="E438" s="37"/>
    </row>
    <row r="439" spans="5:5" ht="13.5" hidden="1" customHeight="1" x14ac:dyDescent="0.25">
      <c r="E439" s="37"/>
    </row>
    <row r="440" spans="5:5" ht="13.5" hidden="1" customHeight="1" x14ac:dyDescent="0.25">
      <c r="E440" s="37"/>
    </row>
    <row r="441" spans="5:5" ht="13.5" hidden="1" customHeight="1" x14ac:dyDescent="0.25">
      <c r="E441" s="37"/>
    </row>
    <row r="442" spans="5:5" ht="13.5" hidden="1" customHeight="1" x14ac:dyDescent="0.25">
      <c r="E442" s="37"/>
    </row>
    <row r="443" spans="5:5" ht="13.5" hidden="1" customHeight="1" x14ac:dyDescent="0.25">
      <c r="E443" s="37"/>
    </row>
    <row r="444" spans="5:5" ht="13.5" hidden="1" customHeight="1" x14ac:dyDescent="0.25">
      <c r="E444" s="37"/>
    </row>
    <row r="445" spans="5:5" ht="13.5" hidden="1" customHeight="1" x14ac:dyDescent="0.25">
      <c r="E445" s="37"/>
    </row>
    <row r="446" spans="5:5" ht="13.5" hidden="1" customHeight="1" x14ac:dyDescent="0.25">
      <c r="E446" s="37"/>
    </row>
    <row r="447" spans="5:5" ht="13.5" hidden="1" customHeight="1" x14ac:dyDescent="0.25">
      <c r="E447" s="37"/>
    </row>
    <row r="448" spans="5:5" ht="13.5" hidden="1" customHeight="1" x14ac:dyDescent="0.25">
      <c r="E448" s="37"/>
    </row>
    <row r="449" spans="5:5" ht="13.5" hidden="1" customHeight="1" x14ac:dyDescent="0.25">
      <c r="E449" s="37"/>
    </row>
    <row r="450" spans="5:5" ht="13.5" hidden="1" customHeight="1" x14ac:dyDescent="0.25">
      <c r="E450" s="37"/>
    </row>
    <row r="451" spans="5:5" ht="13.5" hidden="1" customHeight="1" x14ac:dyDescent="0.25">
      <c r="E451" s="37"/>
    </row>
    <row r="452" spans="5:5" ht="13.5" hidden="1" customHeight="1" x14ac:dyDescent="0.25">
      <c r="E452" s="37"/>
    </row>
    <row r="453" spans="5:5" ht="13.5" hidden="1" customHeight="1" x14ac:dyDescent="0.25">
      <c r="E453" s="37"/>
    </row>
    <row r="454" spans="5:5" ht="13.5" hidden="1" customHeight="1" x14ac:dyDescent="0.25">
      <c r="E454" s="37"/>
    </row>
    <row r="455" spans="5:5" ht="13.5" hidden="1" customHeight="1" x14ac:dyDescent="0.25">
      <c r="E455" s="37"/>
    </row>
    <row r="456" spans="5:5" ht="13.5" hidden="1" customHeight="1" x14ac:dyDescent="0.25">
      <c r="E456" s="37"/>
    </row>
    <row r="457" spans="5:5" ht="13.5" hidden="1" customHeight="1" x14ac:dyDescent="0.25">
      <c r="E457" s="37"/>
    </row>
    <row r="458" spans="5:5" ht="13.5" hidden="1" customHeight="1" x14ac:dyDescent="0.25">
      <c r="E458" s="37"/>
    </row>
    <row r="459" spans="5:5" ht="13.5" hidden="1" customHeight="1" x14ac:dyDescent="0.25">
      <c r="E459" s="37"/>
    </row>
    <row r="460" spans="5:5" ht="13.5" hidden="1" customHeight="1" x14ac:dyDescent="0.25">
      <c r="E460" s="37"/>
    </row>
    <row r="461" spans="5:5" ht="13.5" hidden="1" customHeight="1" x14ac:dyDescent="0.25">
      <c r="E461" s="37"/>
    </row>
    <row r="462" spans="5:5" ht="13.5" hidden="1" customHeight="1" x14ac:dyDescent="0.25">
      <c r="E462" s="37"/>
    </row>
    <row r="463" spans="5:5" ht="13.5" hidden="1" customHeight="1" x14ac:dyDescent="0.25">
      <c r="E463" s="37"/>
    </row>
    <row r="464" spans="5:5" ht="13.5" hidden="1" customHeight="1" x14ac:dyDescent="0.25">
      <c r="E464" s="37"/>
    </row>
    <row r="465" spans="5:5" ht="13.5" hidden="1" customHeight="1" x14ac:dyDescent="0.25">
      <c r="E465" s="37"/>
    </row>
    <row r="466" spans="5:5" ht="13.5" hidden="1" customHeight="1" x14ac:dyDescent="0.25">
      <c r="E466" s="37"/>
    </row>
    <row r="467" spans="5:5" ht="13.5" hidden="1" customHeight="1" x14ac:dyDescent="0.25">
      <c r="E467" s="37"/>
    </row>
    <row r="468" spans="5:5" ht="13.5" hidden="1" customHeight="1" x14ac:dyDescent="0.25">
      <c r="E468" s="37"/>
    </row>
    <row r="469" spans="5:5" ht="13.5" hidden="1" customHeight="1" x14ac:dyDescent="0.25">
      <c r="E469" s="37"/>
    </row>
    <row r="470" spans="5:5" ht="13.5" hidden="1" customHeight="1" x14ac:dyDescent="0.25">
      <c r="E470" s="37"/>
    </row>
    <row r="471" spans="5:5" ht="13.5" hidden="1" customHeight="1" x14ac:dyDescent="0.25">
      <c r="E471" s="37"/>
    </row>
    <row r="472" spans="5:5" ht="13.5" hidden="1" customHeight="1" x14ac:dyDescent="0.25">
      <c r="E472" s="37"/>
    </row>
    <row r="473" spans="5:5" ht="13.5" hidden="1" customHeight="1" x14ac:dyDescent="0.25">
      <c r="E473" s="37"/>
    </row>
    <row r="474" spans="5:5" ht="13.5" hidden="1" customHeight="1" x14ac:dyDescent="0.25">
      <c r="E474" s="37"/>
    </row>
    <row r="475" spans="5:5" ht="13.5" hidden="1" customHeight="1" x14ac:dyDescent="0.25">
      <c r="E475" s="37"/>
    </row>
    <row r="476" spans="5:5" ht="13.5" hidden="1" customHeight="1" x14ac:dyDescent="0.25">
      <c r="E476" s="37"/>
    </row>
    <row r="477" spans="5:5" ht="13.5" hidden="1" customHeight="1" x14ac:dyDescent="0.25">
      <c r="E477" s="37"/>
    </row>
    <row r="478" spans="5:5" ht="13.5" hidden="1" customHeight="1" x14ac:dyDescent="0.25">
      <c r="E478" s="37"/>
    </row>
    <row r="479" spans="5:5" ht="13.5" hidden="1" customHeight="1" x14ac:dyDescent="0.25">
      <c r="E479" s="37"/>
    </row>
    <row r="480" spans="5:5" ht="13.5" hidden="1" customHeight="1" x14ac:dyDescent="0.25">
      <c r="E480" s="37"/>
    </row>
    <row r="481" spans="5:5" ht="13.5" hidden="1" customHeight="1" x14ac:dyDescent="0.25">
      <c r="E481" s="37"/>
    </row>
    <row r="482" spans="5:5" ht="13.5" hidden="1" customHeight="1" x14ac:dyDescent="0.25">
      <c r="E482" s="37"/>
    </row>
    <row r="483" spans="5:5" ht="13.5" hidden="1" customHeight="1" x14ac:dyDescent="0.25">
      <c r="E483" s="37"/>
    </row>
    <row r="484" spans="5:5" ht="13.5" hidden="1" customHeight="1" x14ac:dyDescent="0.25">
      <c r="E484" s="37"/>
    </row>
    <row r="485" spans="5:5" ht="13.5" hidden="1" customHeight="1" x14ac:dyDescent="0.25">
      <c r="E485" s="37"/>
    </row>
    <row r="486" spans="5:5" ht="13.5" hidden="1" customHeight="1" x14ac:dyDescent="0.25">
      <c r="E486" s="37"/>
    </row>
    <row r="487" spans="5:5" ht="13.5" hidden="1" customHeight="1" x14ac:dyDescent="0.25">
      <c r="E487" s="37"/>
    </row>
    <row r="488" spans="5:5" ht="13.5" hidden="1" customHeight="1" x14ac:dyDescent="0.25">
      <c r="E488" s="37"/>
    </row>
    <row r="489" spans="5:5" ht="13.5" hidden="1" customHeight="1" x14ac:dyDescent="0.25">
      <c r="E489" s="37"/>
    </row>
    <row r="490" spans="5:5" ht="13.5" hidden="1" customHeight="1" x14ac:dyDescent="0.25">
      <c r="E490" s="37"/>
    </row>
    <row r="491" spans="5:5" ht="13.5" hidden="1" customHeight="1" x14ac:dyDescent="0.25">
      <c r="E491" s="37"/>
    </row>
    <row r="492" spans="5:5" ht="13.5" hidden="1" customHeight="1" x14ac:dyDescent="0.25">
      <c r="E492" s="37"/>
    </row>
    <row r="493" spans="5:5" ht="13.5" hidden="1" customHeight="1" x14ac:dyDescent="0.25">
      <c r="E493" s="37"/>
    </row>
    <row r="494" spans="5:5" ht="13.5" hidden="1" customHeight="1" x14ac:dyDescent="0.25">
      <c r="E494" s="37"/>
    </row>
    <row r="495" spans="5:5" ht="13.5" hidden="1" customHeight="1" x14ac:dyDescent="0.25">
      <c r="E495" s="37"/>
    </row>
    <row r="496" spans="5:5" ht="13.5" hidden="1" customHeight="1" x14ac:dyDescent="0.25">
      <c r="E496" s="37"/>
    </row>
    <row r="497" spans="5:5" ht="13.5" hidden="1" customHeight="1" x14ac:dyDescent="0.25">
      <c r="E497" s="37"/>
    </row>
    <row r="498" spans="5:5" ht="13.5" hidden="1" customHeight="1" x14ac:dyDescent="0.25">
      <c r="E498" s="37"/>
    </row>
    <row r="499" spans="5:5" ht="13.5" hidden="1" customHeight="1" x14ac:dyDescent="0.25">
      <c r="E499" s="37"/>
    </row>
    <row r="500" spans="5:5" ht="13.5" hidden="1" customHeight="1" x14ac:dyDescent="0.25">
      <c r="E500" s="37"/>
    </row>
    <row r="501" spans="5:5" ht="13.5" hidden="1" customHeight="1" x14ac:dyDescent="0.25">
      <c r="E501" s="37"/>
    </row>
    <row r="502" spans="5:5" ht="13.5" hidden="1" customHeight="1" x14ac:dyDescent="0.25">
      <c r="E502" s="37"/>
    </row>
    <row r="503" spans="5:5" ht="13.5" hidden="1" customHeight="1" x14ac:dyDescent="0.25">
      <c r="E503" s="37"/>
    </row>
    <row r="504" spans="5:5" ht="13.5" hidden="1" customHeight="1" x14ac:dyDescent="0.25">
      <c r="E504" s="37"/>
    </row>
    <row r="505" spans="5:5" ht="13.5" hidden="1" customHeight="1" x14ac:dyDescent="0.25">
      <c r="E505" s="37"/>
    </row>
    <row r="506" spans="5:5" ht="13.5" hidden="1" customHeight="1" x14ac:dyDescent="0.25">
      <c r="E506" s="37"/>
    </row>
    <row r="507" spans="5:5" ht="13.5" hidden="1" customHeight="1" x14ac:dyDescent="0.25">
      <c r="E507" s="37"/>
    </row>
    <row r="508" spans="5:5" ht="13.5" hidden="1" customHeight="1" x14ac:dyDescent="0.25">
      <c r="E508" s="37"/>
    </row>
    <row r="509" spans="5:5" ht="13.5" hidden="1" customHeight="1" x14ac:dyDescent="0.25">
      <c r="E509" s="37"/>
    </row>
    <row r="510" spans="5:5" ht="13.5" hidden="1" customHeight="1" x14ac:dyDescent="0.25">
      <c r="E510" s="37"/>
    </row>
    <row r="511" spans="5:5" ht="13.5" hidden="1" customHeight="1" x14ac:dyDescent="0.25">
      <c r="E511" s="37"/>
    </row>
    <row r="512" spans="5:5" ht="13.5" hidden="1" customHeight="1" x14ac:dyDescent="0.25">
      <c r="E512" s="37"/>
    </row>
    <row r="513" spans="5:5" ht="13.5" hidden="1" customHeight="1" x14ac:dyDescent="0.25">
      <c r="E513" s="37"/>
    </row>
    <row r="514" spans="5:5" ht="13.5" hidden="1" customHeight="1" x14ac:dyDescent="0.25">
      <c r="E514" s="37"/>
    </row>
    <row r="515" spans="5:5" ht="13.5" hidden="1" customHeight="1" x14ac:dyDescent="0.25">
      <c r="E515" s="37"/>
    </row>
    <row r="516" spans="5:5" ht="13.5" hidden="1" customHeight="1" x14ac:dyDescent="0.25">
      <c r="E516" s="37"/>
    </row>
    <row r="517" spans="5:5" ht="13.5" hidden="1" customHeight="1" x14ac:dyDescent="0.25">
      <c r="E517" s="37"/>
    </row>
    <row r="518" spans="5:5" ht="13.5" hidden="1" customHeight="1" x14ac:dyDescent="0.25">
      <c r="E518" s="37"/>
    </row>
    <row r="519" spans="5:5" ht="13.5" hidden="1" customHeight="1" x14ac:dyDescent="0.25">
      <c r="E519" s="37"/>
    </row>
    <row r="520" spans="5:5" ht="13.5" hidden="1" customHeight="1" x14ac:dyDescent="0.25">
      <c r="E520" s="37"/>
    </row>
    <row r="521" spans="5:5" ht="13.5" hidden="1" customHeight="1" x14ac:dyDescent="0.25">
      <c r="E521" s="37"/>
    </row>
    <row r="522" spans="5:5" ht="13.5" hidden="1" customHeight="1" x14ac:dyDescent="0.25">
      <c r="E522" s="37"/>
    </row>
    <row r="523" spans="5:5" ht="13.5" hidden="1" customHeight="1" x14ac:dyDescent="0.25">
      <c r="E523" s="37"/>
    </row>
    <row r="524" spans="5:5" ht="13.5" hidden="1" customHeight="1" x14ac:dyDescent="0.25">
      <c r="E524" s="37"/>
    </row>
    <row r="525" spans="5:5" ht="13.5" hidden="1" customHeight="1" x14ac:dyDescent="0.25">
      <c r="E525" s="37"/>
    </row>
    <row r="526" spans="5:5" ht="13.5" hidden="1" customHeight="1" x14ac:dyDescent="0.25">
      <c r="E526" s="37"/>
    </row>
    <row r="527" spans="5:5" ht="13.5" hidden="1" customHeight="1" x14ac:dyDescent="0.25">
      <c r="E527" s="37"/>
    </row>
    <row r="528" spans="5:5" ht="13.5" hidden="1" customHeight="1" x14ac:dyDescent="0.25">
      <c r="E528" s="37"/>
    </row>
    <row r="529" spans="5:5" ht="13.5" hidden="1" customHeight="1" x14ac:dyDescent="0.25">
      <c r="E529" s="37"/>
    </row>
    <row r="530" spans="5:5" ht="13.5" hidden="1" customHeight="1" x14ac:dyDescent="0.25">
      <c r="E530" s="37"/>
    </row>
    <row r="531" spans="5:5" ht="13.5" hidden="1" customHeight="1" x14ac:dyDescent="0.25">
      <c r="E531" s="37"/>
    </row>
    <row r="532" spans="5:5" ht="13.5" hidden="1" customHeight="1" x14ac:dyDescent="0.25">
      <c r="E532" s="37"/>
    </row>
    <row r="533" spans="5:5" ht="13.5" hidden="1" customHeight="1" x14ac:dyDescent="0.25">
      <c r="E533" s="37"/>
    </row>
    <row r="534" spans="5:5" ht="13.5" hidden="1" customHeight="1" x14ac:dyDescent="0.25">
      <c r="E534" s="37"/>
    </row>
    <row r="535" spans="5:5" ht="13.5" hidden="1" customHeight="1" x14ac:dyDescent="0.25">
      <c r="E535" s="37"/>
    </row>
    <row r="536" spans="5:5" ht="13.5" hidden="1" customHeight="1" x14ac:dyDescent="0.25">
      <c r="E536" s="37"/>
    </row>
    <row r="537" spans="5:5" ht="13.5" hidden="1" customHeight="1" x14ac:dyDescent="0.25">
      <c r="E537" s="37"/>
    </row>
    <row r="538" spans="5:5" ht="13.5" hidden="1" customHeight="1" x14ac:dyDescent="0.25">
      <c r="E538" s="37"/>
    </row>
    <row r="539" spans="5:5" ht="13.5" hidden="1" customHeight="1" x14ac:dyDescent="0.25">
      <c r="E539" s="37"/>
    </row>
    <row r="540" spans="5:5" ht="13.5" hidden="1" customHeight="1" x14ac:dyDescent="0.25">
      <c r="E540" s="37"/>
    </row>
    <row r="541" spans="5:5" ht="13.5" hidden="1" customHeight="1" x14ac:dyDescent="0.25">
      <c r="E541" s="37"/>
    </row>
    <row r="542" spans="5:5" ht="13.5" hidden="1" customHeight="1" x14ac:dyDescent="0.25">
      <c r="E542" s="37"/>
    </row>
    <row r="543" spans="5:5" ht="13.5" hidden="1" customHeight="1" x14ac:dyDescent="0.25">
      <c r="E543" s="37"/>
    </row>
    <row r="544" spans="5:5" ht="13.5" hidden="1" customHeight="1" x14ac:dyDescent="0.25">
      <c r="E544" s="37"/>
    </row>
    <row r="545" spans="5:5" ht="13.5" hidden="1" customHeight="1" x14ac:dyDescent="0.25">
      <c r="E545" s="37"/>
    </row>
    <row r="546" spans="5:5" ht="13.5" hidden="1" customHeight="1" x14ac:dyDescent="0.25">
      <c r="E546" s="37"/>
    </row>
    <row r="547" spans="5:5" ht="13.5" hidden="1" customHeight="1" x14ac:dyDescent="0.25">
      <c r="E547" s="37"/>
    </row>
    <row r="548" spans="5:5" ht="13.5" hidden="1" customHeight="1" x14ac:dyDescent="0.25">
      <c r="E548" s="37"/>
    </row>
    <row r="549" spans="5:5" ht="13.5" hidden="1" customHeight="1" x14ac:dyDescent="0.25">
      <c r="E549" s="37"/>
    </row>
    <row r="550" spans="5:5" ht="13.5" hidden="1" customHeight="1" x14ac:dyDescent="0.25">
      <c r="E550" s="37"/>
    </row>
    <row r="551" spans="5:5" ht="13.5" hidden="1" customHeight="1" x14ac:dyDescent="0.25">
      <c r="E551" s="37"/>
    </row>
    <row r="552" spans="5:5" ht="13.5" hidden="1" customHeight="1" x14ac:dyDescent="0.25">
      <c r="E552" s="37"/>
    </row>
    <row r="553" spans="5:5" ht="13.5" hidden="1" customHeight="1" x14ac:dyDescent="0.25">
      <c r="E553" s="37"/>
    </row>
    <row r="554" spans="5:5" ht="13.5" hidden="1" customHeight="1" x14ac:dyDescent="0.25">
      <c r="E554" s="37"/>
    </row>
    <row r="555" spans="5:5" ht="13.5" hidden="1" customHeight="1" x14ac:dyDescent="0.25">
      <c r="E555" s="37"/>
    </row>
    <row r="556" spans="5:5" ht="13.5" hidden="1" customHeight="1" x14ac:dyDescent="0.25">
      <c r="E556" s="37"/>
    </row>
    <row r="557" spans="5:5" ht="13.5" hidden="1" customHeight="1" x14ac:dyDescent="0.25">
      <c r="E557" s="37"/>
    </row>
    <row r="558" spans="5:5" ht="13.5" hidden="1" customHeight="1" x14ac:dyDescent="0.25">
      <c r="E558" s="37"/>
    </row>
    <row r="559" spans="5:5" ht="13.5" hidden="1" customHeight="1" x14ac:dyDescent="0.25">
      <c r="E559" s="37"/>
    </row>
    <row r="560" spans="5:5" ht="13.5" hidden="1" customHeight="1" x14ac:dyDescent="0.25">
      <c r="E560" s="37"/>
    </row>
    <row r="561" spans="5:5" ht="13.5" hidden="1" customHeight="1" x14ac:dyDescent="0.25">
      <c r="E561" s="37"/>
    </row>
    <row r="562" spans="5:5" ht="13.5" hidden="1" customHeight="1" x14ac:dyDescent="0.25">
      <c r="E562" s="37"/>
    </row>
    <row r="563" spans="5:5" ht="13.5" hidden="1" customHeight="1" x14ac:dyDescent="0.25">
      <c r="E563" s="37"/>
    </row>
    <row r="564" spans="5:5" ht="13.5" hidden="1" customHeight="1" x14ac:dyDescent="0.25">
      <c r="E564" s="37"/>
    </row>
    <row r="565" spans="5:5" ht="13.5" hidden="1" customHeight="1" x14ac:dyDescent="0.25">
      <c r="E565" s="37"/>
    </row>
    <row r="566" spans="5:5" ht="13.5" hidden="1" customHeight="1" x14ac:dyDescent="0.25">
      <c r="E566" s="37"/>
    </row>
    <row r="567" spans="5:5" ht="13.5" hidden="1" customHeight="1" x14ac:dyDescent="0.25">
      <c r="E567" s="37"/>
    </row>
    <row r="568" spans="5:5" ht="13.5" hidden="1" customHeight="1" x14ac:dyDescent="0.25">
      <c r="E568" s="37"/>
    </row>
    <row r="569" spans="5:5" ht="13.5" hidden="1" customHeight="1" x14ac:dyDescent="0.25">
      <c r="E569" s="37"/>
    </row>
    <row r="570" spans="5:5" ht="13.5" hidden="1" customHeight="1" x14ac:dyDescent="0.25">
      <c r="E570" s="37"/>
    </row>
    <row r="571" spans="5:5" ht="13.5" hidden="1" customHeight="1" x14ac:dyDescent="0.25">
      <c r="E571" s="37"/>
    </row>
    <row r="572" spans="5:5" ht="13.5" hidden="1" customHeight="1" x14ac:dyDescent="0.25">
      <c r="E572" s="37"/>
    </row>
    <row r="573" spans="5:5" ht="13.5" hidden="1" customHeight="1" x14ac:dyDescent="0.25">
      <c r="E573" s="37"/>
    </row>
    <row r="574" spans="5:5" ht="13.5" hidden="1" customHeight="1" x14ac:dyDescent="0.25">
      <c r="E574" s="37"/>
    </row>
    <row r="575" spans="5:5" ht="13.5" hidden="1" customHeight="1" x14ac:dyDescent="0.25">
      <c r="E575" s="37"/>
    </row>
    <row r="576" spans="5:5" ht="13.5" hidden="1" customHeight="1" x14ac:dyDescent="0.25">
      <c r="E576" s="37"/>
    </row>
    <row r="577" spans="5:5" ht="13.5" hidden="1" customHeight="1" x14ac:dyDescent="0.25">
      <c r="E577" s="37"/>
    </row>
    <row r="578" spans="5:5" ht="13.5" hidden="1" customHeight="1" x14ac:dyDescent="0.25">
      <c r="E578" s="37"/>
    </row>
    <row r="579" spans="5:5" ht="13.5" hidden="1" customHeight="1" x14ac:dyDescent="0.25">
      <c r="E579" s="37"/>
    </row>
    <row r="580" spans="5:5" ht="13.5" hidden="1" customHeight="1" x14ac:dyDescent="0.25">
      <c r="E580" s="37"/>
    </row>
    <row r="581" spans="5:5" ht="13.5" hidden="1" customHeight="1" x14ac:dyDescent="0.25">
      <c r="E581" s="37"/>
    </row>
    <row r="582" spans="5:5" ht="13.5" hidden="1" customHeight="1" x14ac:dyDescent="0.25">
      <c r="E582" s="37"/>
    </row>
    <row r="583" spans="5:5" ht="13.5" hidden="1" customHeight="1" x14ac:dyDescent="0.25">
      <c r="E583" s="37"/>
    </row>
    <row r="584" spans="5:5" ht="13.5" hidden="1" customHeight="1" x14ac:dyDescent="0.25">
      <c r="E584" s="37"/>
    </row>
    <row r="585" spans="5:5" ht="13.5" hidden="1" customHeight="1" x14ac:dyDescent="0.25">
      <c r="E585" s="37"/>
    </row>
    <row r="586" spans="5:5" ht="13.5" hidden="1" customHeight="1" x14ac:dyDescent="0.25">
      <c r="E586" s="37"/>
    </row>
    <row r="587" spans="5:5" ht="13.5" hidden="1" customHeight="1" x14ac:dyDescent="0.25">
      <c r="E587" s="37"/>
    </row>
    <row r="588" spans="5:5" ht="13.5" hidden="1" customHeight="1" x14ac:dyDescent="0.25">
      <c r="E588" s="37"/>
    </row>
    <row r="589" spans="5:5" ht="13.5" hidden="1" customHeight="1" x14ac:dyDescent="0.25">
      <c r="E589" s="37"/>
    </row>
    <row r="590" spans="5:5" ht="13.5" hidden="1" customHeight="1" x14ac:dyDescent="0.25">
      <c r="E590" s="37"/>
    </row>
    <row r="591" spans="5:5" ht="13.5" hidden="1" customHeight="1" x14ac:dyDescent="0.25">
      <c r="E591" s="37"/>
    </row>
    <row r="592" spans="5:5" ht="13.5" hidden="1" customHeight="1" x14ac:dyDescent="0.25">
      <c r="E592" s="37"/>
    </row>
    <row r="593" spans="5:5" ht="13.5" hidden="1" customHeight="1" x14ac:dyDescent="0.25">
      <c r="E593" s="37"/>
    </row>
    <row r="594" spans="5:5" ht="13.5" hidden="1" customHeight="1" x14ac:dyDescent="0.25">
      <c r="E594" s="37"/>
    </row>
    <row r="595" spans="5:5" ht="13.5" hidden="1" customHeight="1" x14ac:dyDescent="0.25">
      <c r="E595" s="37"/>
    </row>
    <row r="596" spans="5:5" ht="13.5" hidden="1" customHeight="1" x14ac:dyDescent="0.25">
      <c r="E596" s="37"/>
    </row>
    <row r="597" spans="5:5" ht="13.5" hidden="1" customHeight="1" x14ac:dyDescent="0.25">
      <c r="E597" s="37"/>
    </row>
    <row r="598" spans="5:5" ht="13.5" hidden="1" customHeight="1" x14ac:dyDescent="0.25">
      <c r="E598" s="37"/>
    </row>
    <row r="599" spans="5:5" ht="13.5" hidden="1" customHeight="1" x14ac:dyDescent="0.25">
      <c r="E599" s="37"/>
    </row>
    <row r="600" spans="5:5" ht="13.5" hidden="1" customHeight="1" x14ac:dyDescent="0.25">
      <c r="E600" s="37"/>
    </row>
    <row r="601" spans="5:5" ht="13.5" hidden="1" customHeight="1" x14ac:dyDescent="0.25">
      <c r="E601" s="37"/>
    </row>
    <row r="602" spans="5:5" ht="13.5" hidden="1" customHeight="1" x14ac:dyDescent="0.25">
      <c r="E602" s="37"/>
    </row>
    <row r="603" spans="5:5" ht="13.5" hidden="1" customHeight="1" x14ac:dyDescent="0.25">
      <c r="E603" s="37"/>
    </row>
    <row r="604" spans="5:5" ht="13.5" hidden="1" customHeight="1" x14ac:dyDescent="0.25">
      <c r="E604" s="37"/>
    </row>
    <row r="605" spans="5:5" ht="13.5" hidden="1" customHeight="1" x14ac:dyDescent="0.25">
      <c r="E605" s="37"/>
    </row>
    <row r="606" spans="5:5" ht="13.5" hidden="1" customHeight="1" x14ac:dyDescent="0.25">
      <c r="E606" s="37"/>
    </row>
    <row r="607" spans="5:5" ht="13.5" hidden="1" customHeight="1" x14ac:dyDescent="0.25">
      <c r="E607" s="37"/>
    </row>
    <row r="608" spans="5:5" ht="13.5" hidden="1" customHeight="1" x14ac:dyDescent="0.25">
      <c r="E608" s="37"/>
    </row>
    <row r="609" spans="5:5" ht="13.5" hidden="1" customHeight="1" x14ac:dyDescent="0.25">
      <c r="E609" s="37"/>
    </row>
    <row r="610" spans="5:5" ht="13.5" hidden="1" customHeight="1" x14ac:dyDescent="0.25">
      <c r="E610" s="37"/>
    </row>
    <row r="611" spans="5:5" ht="13.5" hidden="1" customHeight="1" x14ac:dyDescent="0.25">
      <c r="E611" s="37"/>
    </row>
    <row r="612" spans="5:5" ht="13.5" hidden="1" customHeight="1" x14ac:dyDescent="0.25">
      <c r="E612" s="37"/>
    </row>
    <row r="613" spans="5:5" ht="13.5" hidden="1" customHeight="1" x14ac:dyDescent="0.25">
      <c r="E613" s="37"/>
    </row>
    <row r="614" spans="5:5" ht="13.5" hidden="1" customHeight="1" x14ac:dyDescent="0.25">
      <c r="E614" s="37"/>
    </row>
    <row r="615" spans="5:5" ht="13.5" hidden="1" customHeight="1" x14ac:dyDescent="0.25">
      <c r="E615" s="37"/>
    </row>
    <row r="616" spans="5:5" ht="13.5" hidden="1" customHeight="1" x14ac:dyDescent="0.25">
      <c r="E616" s="37"/>
    </row>
    <row r="617" spans="5:5" ht="13.5" hidden="1" customHeight="1" x14ac:dyDescent="0.25">
      <c r="E617" s="37"/>
    </row>
    <row r="618" spans="5:5" ht="13.5" hidden="1" customHeight="1" x14ac:dyDescent="0.25">
      <c r="E618" s="37"/>
    </row>
    <row r="619" spans="5:5" ht="13.5" hidden="1" customHeight="1" x14ac:dyDescent="0.25">
      <c r="E619" s="37"/>
    </row>
    <row r="620" spans="5:5" ht="13.5" hidden="1" customHeight="1" x14ac:dyDescent="0.25">
      <c r="E620" s="37"/>
    </row>
    <row r="621" spans="5:5" ht="13.5" hidden="1" customHeight="1" x14ac:dyDescent="0.25">
      <c r="E621" s="37"/>
    </row>
    <row r="622" spans="5:5" ht="13.5" hidden="1" customHeight="1" x14ac:dyDescent="0.25">
      <c r="E622" s="37"/>
    </row>
    <row r="623" spans="5:5" ht="13.5" hidden="1" customHeight="1" x14ac:dyDescent="0.25">
      <c r="E623" s="37"/>
    </row>
    <row r="624" spans="5:5" ht="13.5" hidden="1" customHeight="1" x14ac:dyDescent="0.25">
      <c r="E624" s="37"/>
    </row>
    <row r="625" spans="5:5" ht="13.5" hidden="1" customHeight="1" x14ac:dyDescent="0.25">
      <c r="E625" s="37"/>
    </row>
    <row r="626" spans="5:5" ht="13.5" hidden="1" customHeight="1" x14ac:dyDescent="0.25">
      <c r="E626" s="37"/>
    </row>
    <row r="627" spans="5:5" ht="13.5" hidden="1" customHeight="1" x14ac:dyDescent="0.25">
      <c r="E627" s="37"/>
    </row>
    <row r="628" spans="5:5" ht="13.5" hidden="1" customHeight="1" x14ac:dyDescent="0.25">
      <c r="E628" s="37"/>
    </row>
    <row r="629" spans="5:5" ht="13.5" hidden="1" customHeight="1" x14ac:dyDescent="0.25">
      <c r="E629" s="37"/>
    </row>
    <row r="630" spans="5:5" ht="13.5" hidden="1" customHeight="1" x14ac:dyDescent="0.25">
      <c r="E630" s="37"/>
    </row>
    <row r="631" spans="5:5" ht="13.5" hidden="1" customHeight="1" x14ac:dyDescent="0.25">
      <c r="E631" s="37"/>
    </row>
    <row r="632" spans="5:5" ht="13.5" hidden="1" customHeight="1" x14ac:dyDescent="0.25">
      <c r="E632" s="37"/>
    </row>
    <row r="633" spans="5:5" ht="13.5" hidden="1" customHeight="1" x14ac:dyDescent="0.25">
      <c r="E633" s="37"/>
    </row>
    <row r="634" spans="5:5" ht="13.5" hidden="1" customHeight="1" x14ac:dyDescent="0.25">
      <c r="E634" s="37"/>
    </row>
    <row r="635" spans="5:5" ht="13.5" hidden="1" customHeight="1" x14ac:dyDescent="0.25">
      <c r="E635" s="37"/>
    </row>
    <row r="636" spans="5:5" ht="13.5" hidden="1" customHeight="1" x14ac:dyDescent="0.25">
      <c r="E636" s="37"/>
    </row>
    <row r="637" spans="5:5" ht="13.5" hidden="1" customHeight="1" x14ac:dyDescent="0.25">
      <c r="E637" s="37"/>
    </row>
    <row r="638" spans="5:5" ht="13.5" hidden="1" customHeight="1" x14ac:dyDescent="0.25">
      <c r="E638" s="37"/>
    </row>
    <row r="639" spans="5:5" ht="13.5" hidden="1" customHeight="1" x14ac:dyDescent="0.25">
      <c r="E639" s="37"/>
    </row>
    <row r="640" spans="5:5" ht="13.5" hidden="1" customHeight="1" x14ac:dyDescent="0.25">
      <c r="E640" s="37"/>
    </row>
    <row r="641" spans="5:5" ht="13.5" hidden="1" customHeight="1" x14ac:dyDescent="0.25">
      <c r="E641" s="37"/>
    </row>
    <row r="642" spans="5:5" ht="13.5" hidden="1" customHeight="1" x14ac:dyDescent="0.25">
      <c r="E642" s="37"/>
    </row>
    <row r="643" spans="5:5" ht="13.5" hidden="1" customHeight="1" x14ac:dyDescent="0.25">
      <c r="E643" s="37"/>
    </row>
    <row r="644" spans="5:5" ht="13.5" hidden="1" customHeight="1" x14ac:dyDescent="0.25">
      <c r="E644" s="37"/>
    </row>
    <row r="645" spans="5:5" ht="13.5" hidden="1" customHeight="1" x14ac:dyDescent="0.25">
      <c r="E645" s="37"/>
    </row>
    <row r="646" spans="5:5" ht="13.5" hidden="1" customHeight="1" x14ac:dyDescent="0.25">
      <c r="E646" s="37"/>
    </row>
    <row r="647" spans="5:5" ht="13.5" hidden="1" customHeight="1" x14ac:dyDescent="0.25">
      <c r="E647" s="37"/>
    </row>
    <row r="648" spans="5:5" ht="13.5" hidden="1" customHeight="1" x14ac:dyDescent="0.25">
      <c r="E648" s="37"/>
    </row>
    <row r="649" spans="5:5" ht="13.5" hidden="1" customHeight="1" x14ac:dyDescent="0.25">
      <c r="E649" s="37"/>
    </row>
    <row r="650" spans="5:5" ht="13.5" hidden="1" customHeight="1" x14ac:dyDescent="0.25">
      <c r="E650" s="37"/>
    </row>
    <row r="651" spans="5:5" ht="13.5" hidden="1" customHeight="1" x14ac:dyDescent="0.25">
      <c r="E651" s="37"/>
    </row>
    <row r="652" spans="5:5" ht="13.5" hidden="1" customHeight="1" x14ac:dyDescent="0.25">
      <c r="E652" s="37"/>
    </row>
    <row r="653" spans="5:5" ht="13.5" hidden="1" customHeight="1" x14ac:dyDescent="0.25">
      <c r="E653" s="37"/>
    </row>
    <row r="654" spans="5:5" ht="13.5" hidden="1" customHeight="1" x14ac:dyDescent="0.25">
      <c r="E654" s="37"/>
    </row>
    <row r="655" spans="5:5" ht="13.5" hidden="1" customHeight="1" x14ac:dyDescent="0.25">
      <c r="E655" s="37"/>
    </row>
    <row r="656" spans="5:5" ht="13.5" hidden="1" customHeight="1" x14ac:dyDescent="0.25">
      <c r="E656" s="37"/>
    </row>
    <row r="657" spans="5:5" ht="13.5" hidden="1" customHeight="1" x14ac:dyDescent="0.25">
      <c r="E657" s="37"/>
    </row>
    <row r="658" spans="5:5" ht="13.5" hidden="1" customHeight="1" x14ac:dyDescent="0.25">
      <c r="E658" s="37"/>
    </row>
    <row r="659" spans="5:5" ht="13.5" hidden="1" customHeight="1" x14ac:dyDescent="0.25">
      <c r="E659" s="37"/>
    </row>
    <row r="660" spans="5:5" ht="13.5" hidden="1" customHeight="1" x14ac:dyDescent="0.25">
      <c r="E660" s="37"/>
    </row>
    <row r="661" spans="5:5" ht="13.5" hidden="1" customHeight="1" x14ac:dyDescent="0.25">
      <c r="E661" s="37"/>
    </row>
    <row r="662" spans="5:5" ht="13.5" hidden="1" customHeight="1" x14ac:dyDescent="0.25">
      <c r="E662" s="37"/>
    </row>
    <row r="663" spans="5:5" ht="13.5" hidden="1" customHeight="1" x14ac:dyDescent="0.25">
      <c r="E663" s="37"/>
    </row>
    <row r="664" spans="5:5" ht="13.5" hidden="1" customHeight="1" x14ac:dyDescent="0.25">
      <c r="E664" s="37"/>
    </row>
    <row r="665" spans="5:5" ht="13.5" hidden="1" customHeight="1" x14ac:dyDescent="0.25">
      <c r="E665" s="37"/>
    </row>
    <row r="666" spans="5:5" ht="13.5" hidden="1" customHeight="1" x14ac:dyDescent="0.25">
      <c r="E666" s="37"/>
    </row>
    <row r="667" spans="5:5" ht="13.5" hidden="1" customHeight="1" x14ac:dyDescent="0.25">
      <c r="E667" s="37"/>
    </row>
    <row r="668" spans="5:5" ht="13.5" hidden="1" customHeight="1" x14ac:dyDescent="0.25">
      <c r="E668" s="37"/>
    </row>
    <row r="669" spans="5:5" ht="13.5" hidden="1" customHeight="1" x14ac:dyDescent="0.25">
      <c r="E669" s="37"/>
    </row>
    <row r="670" spans="5:5" ht="13.5" hidden="1" customHeight="1" x14ac:dyDescent="0.25">
      <c r="E670" s="37"/>
    </row>
    <row r="671" spans="5:5" ht="13.5" hidden="1" customHeight="1" x14ac:dyDescent="0.25">
      <c r="E671" s="37"/>
    </row>
    <row r="672" spans="5:5" ht="13.5" hidden="1" customHeight="1" x14ac:dyDescent="0.25">
      <c r="E672" s="37"/>
    </row>
    <row r="673" spans="5:5" ht="13.5" hidden="1" customHeight="1" x14ac:dyDescent="0.25">
      <c r="E673" s="37"/>
    </row>
    <row r="674" spans="5:5" ht="13.5" hidden="1" customHeight="1" x14ac:dyDescent="0.25">
      <c r="E674" s="37"/>
    </row>
    <row r="675" spans="5:5" ht="13.5" hidden="1" customHeight="1" x14ac:dyDescent="0.25">
      <c r="E675" s="37"/>
    </row>
    <row r="676" spans="5:5" ht="13.5" hidden="1" customHeight="1" x14ac:dyDescent="0.25">
      <c r="E676" s="37"/>
    </row>
    <row r="677" spans="5:5" ht="13.5" hidden="1" customHeight="1" x14ac:dyDescent="0.25">
      <c r="E677" s="37"/>
    </row>
    <row r="678" spans="5:5" ht="13.5" hidden="1" customHeight="1" x14ac:dyDescent="0.25">
      <c r="E678" s="37"/>
    </row>
    <row r="679" spans="5:5" ht="13.5" hidden="1" customHeight="1" x14ac:dyDescent="0.25">
      <c r="E679" s="37"/>
    </row>
    <row r="680" spans="5:5" ht="13.5" hidden="1" customHeight="1" x14ac:dyDescent="0.25">
      <c r="E680" s="37"/>
    </row>
    <row r="681" spans="5:5" ht="13.5" hidden="1" customHeight="1" x14ac:dyDescent="0.25">
      <c r="E681" s="37"/>
    </row>
    <row r="682" spans="5:5" ht="13.5" hidden="1" customHeight="1" x14ac:dyDescent="0.25">
      <c r="E682" s="37"/>
    </row>
    <row r="683" spans="5:5" ht="13.5" hidden="1" customHeight="1" x14ac:dyDescent="0.25">
      <c r="E683" s="37"/>
    </row>
    <row r="684" spans="5:5" ht="13.5" hidden="1" customHeight="1" x14ac:dyDescent="0.25">
      <c r="E684" s="37"/>
    </row>
    <row r="685" spans="5:5" ht="13.5" hidden="1" customHeight="1" x14ac:dyDescent="0.25">
      <c r="E685" s="37"/>
    </row>
    <row r="686" spans="5:5" ht="13.5" hidden="1" customHeight="1" x14ac:dyDescent="0.25">
      <c r="E686" s="37"/>
    </row>
    <row r="687" spans="5:5" ht="13.5" hidden="1" customHeight="1" x14ac:dyDescent="0.25">
      <c r="E687" s="37"/>
    </row>
    <row r="688" spans="5:5" ht="13.5" hidden="1" customHeight="1" x14ac:dyDescent="0.25">
      <c r="E688" s="37"/>
    </row>
    <row r="689" spans="5:5" ht="13.5" hidden="1" customHeight="1" x14ac:dyDescent="0.25">
      <c r="E689" s="37"/>
    </row>
    <row r="690" spans="5:5" ht="13.5" hidden="1" customHeight="1" x14ac:dyDescent="0.25">
      <c r="E690" s="37"/>
    </row>
    <row r="691" spans="5:5" ht="13.5" hidden="1" customHeight="1" x14ac:dyDescent="0.25">
      <c r="E691" s="37"/>
    </row>
    <row r="692" spans="5:5" ht="13.5" hidden="1" customHeight="1" x14ac:dyDescent="0.25">
      <c r="E692" s="37"/>
    </row>
    <row r="693" spans="5:5" ht="13.5" hidden="1" customHeight="1" x14ac:dyDescent="0.25">
      <c r="E693" s="37"/>
    </row>
    <row r="694" spans="5:5" ht="13.5" hidden="1" customHeight="1" x14ac:dyDescent="0.25">
      <c r="E694" s="37"/>
    </row>
    <row r="695" spans="5:5" ht="13.5" hidden="1" customHeight="1" x14ac:dyDescent="0.25">
      <c r="E695" s="37"/>
    </row>
    <row r="696" spans="5:5" ht="13.5" hidden="1" customHeight="1" x14ac:dyDescent="0.25">
      <c r="E696" s="37"/>
    </row>
    <row r="697" spans="5:5" ht="13.5" hidden="1" customHeight="1" x14ac:dyDescent="0.25">
      <c r="E697" s="37"/>
    </row>
    <row r="698" spans="5:5" ht="13.5" hidden="1" customHeight="1" x14ac:dyDescent="0.25">
      <c r="E698" s="37"/>
    </row>
    <row r="699" spans="5:5" ht="13.5" hidden="1" customHeight="1" x14ac:dyDescent="0.25">
      <c r="E699" s="37"/>
    </row>
    <row r="700" spans="5:5" ht="13.5" hidden="1" customHeight="1" x14ac:dyDescent="0.25">
      <c r="E700" s="37"/>
    </row>
    <row r="701" spans="5:5" ht="13.5" hidden="1" customHeight="1" x14ac:dyDescent="0.25">
      <c r="E701" s="37"/>
    </row>
    <row r="702" spans="5:5" ht="13.5" hidden="1" customHeight="1" x14ac:dyDescent="0.25">
      <c r="E702" s="37"/>
    </row>
    <row r="703" spans="5:5" ht="13.5" hidden="1" customHeight="1" x14ac:dyDescent="0.25">
      <c r="E703" s="37"/>
    </row>
    <row r="704" spans="5:5" ht="13.5" hidden="1" customHeight="1" x14ac:dyDescent="0.25">
      <c r="E704" s="37"/>
    </row>
    <row r="705" spans="5:5" ht="13.5" hidden="1" customHeight="1" x14ac:dyDescent="0.25">
      <c r="E705" s="37"/>
    </row>
    <row r="706" spans="5:5" ht="13.5" hidden="1" customHeight="1" x14ac:dyDescent="0.25">
      <c r="E706" s="37"/>
    </row>
    <row r="707" spans="5:5" ht="13.5" hidden="1" customHeight="1" x14ac:dyDescent="0.25">
      <c r="E707" s="37"/>
    </row>
    <row r="708" spans="5:5" ht="13.5" hidden="1" customHeight="1" x14ac:dyDescent="0.25">
      <c r="E708" s="37"/>
    </row>
    <row r="709" spans="5:5" ht="13.5" hidden="1" customHeight="1" x14ac:dyDescent="0.25">
      <c r="E709" s="37"/>
    </row>
    <row r="710" spans="5:5" ht="13.5" hidden="1" customHeight="1" x14ac:dyDescent="0.25">
      <c r="E710" s="37"/>
    </row>
    <row r="711" spans="5:5" ht="13.5" hidden="1" customHeight="1" x14ac:dyDescent="0.25">
      <c r="E711" s="37"/>
    </row>
    <row r="712" spans="5:5" ht="13.5" hidden="1" customHeight="1" x14ac:dyDescent="0.25">
      <c r="E712" s="37"/>
    </row>
    <row r="713" spans="5:5" ht="13.5" hidden="1" customHeight="1" x14ac:dyDescent="0.25">
      <c r="E713" s="37"/>
    </row>
    <row r="714" spans="5:5" ht="13.5" hidden="1" customHeight="1" x14ac:dyDescent="0.25">
      <c r="E714" s="37"/>
    </row>
    <row r="715" spans="5:5" ht="13.5" hidden="1" customHeight="1" x14ac:dyDescent="0.25">
      <c r="E715" s="37"/>
    </row>
    <row r="716" spans="5:5" ht="13.5" hidden="1" customHeight="1" x14ac:dyDescent="0.25">
      <c r="E716" s="37"/>
    </row>
    <row r="717" spans="5:5" ht="13.5" hidden="1" customHeight="1" x14ac:dyDescent="0.25">
      <c r="E717" s="37"/>
    </row>
    <row r="718" spans="5:5" ht="13.5" hidden="1" customHeight="1" x14ac:dyDescent="0.25">
      <c r="E718" s="37"/>
    </row>
    <row r="719" spans="5:5" ht="13.5" hidden="1" customHeight="1" x14ac:dyDescent="0.25">
      <c r="E719" s="37"/>
    </row>
    <row r="720" spans="5:5" ht="13.5" hidden="1" customHeight="1" x14ac:dyDescent="0.25">
      <c r="E720" s="37"/>
    </row>
    <row r="721" spans="5:5" ht="13.5" hidden="1" customHeight="1" x14ac:dyDescent="0.25">
      <c r="E721" s="37"/>
    </row>
    <row r="722" spans="5:5" ht="13.5" hidden="1" customHeight="1" x14ac:dyDescent="0.25">
      <c r="E722" s="37"/>
    </row>
    <row r="723" spans="5:5" ht="13.5" hidden="1" customHeight="1" x14ac:dyDescent="0.25">
      <c r="E723" s="37"/>
    </row>
    <row r="724" spans="5:5" ht="13.5" hidden="1" customHeight="1" x14ac:dyDescent="0.25">
      <c r="E724" s="37"/>
    </row>
    <row r="725" spans="5:5" ht="13.5" hidden="1" customHeight="1" x14ac:dyDescent="0.25">
      <c r="E725" s="37"/>
    </row>
    <row r="726" spans="5:5" ht="13.5" hidden="1" customHeight="1" x14ac:dyDescent="0.25">
      <c r="E726" s="37"/>
    </row>
    <row r="727" spans="5:5" ht="13.5" hidden="1" customHeight="1" x14ac:dyDescent="0.25">
      <c r="E727" s="37"/>
    </row>
    <row r="728" spans="5:5" ht="13.5" hidden="1" customHeight="1" x14ac:dyDescent="0.25">
      <c r="E728" s="37"/>
    </row>
    <row r="729" spans="5:5" ht="13.5" hidden="1" customHeight="1" x14ac:dyDescent="0.25">
      <c r="E729" s="37"/>
    </row>
    <row r="730" spans="5:5" ht="13.5" hidden="1" customHeight="1" x14ac:dyDescent="0.25">
      <c r="E730" s="37"/>
    </row>
    <row r="731" spans="5:5" ht="13.5" hidden="1" customHeight="1" x14ac:dyDescent="0.25">
      <c r="E731" s="37"/>
    </row>
    <row r="732" spans="5:5" ht="13.5" hidden="1" customHeight="1" x14ac:dyDescent="0.25">
      <c r="E732" s="37"/>
    </row>
    <row r="733" spans="5:5" ht="13.5" hidden="1" customHeight="1" x14ac:dyDescent="0.25">
      <c r="E733" s="37"/>
    </row>
    <row r="734" spans="5:5" ht="13.5" hidden="1" customHeight="1" x14ac:dyDescent="0.25">
      <c r="E734" s="37"/>
    </row>
    <row r="735" spans="5:5" ht="13.5" hidden="1" customHeight="1" x14ac:dyDescent="0.25">
      <c r="E735" s="37"/>
    </row>
    <row r="736" spans="5:5" ht="13.5" hidden="1" customHeight="1" x14ac:dyDescent="0.25">
      <c r="E736" s="37"/>
    </row>
    <row r="737" spans="5:5" ht="13.5" hidden="1" customHeight="1" x14ac:dyDescent="0.25">
      <c r="E737" s="37"/>
    </row>
    <row r="738" spans="5:5" ht="13.5" hidden="1" customHeight="1" x14ac:dyDescent="0.25">
      <c r="E738" s="37"/>
    </row>
    <row r="739" spans="5:5" ht="13.5" hidden="1" customHeight="1" x14ac:dyDescent="0.25">
      <c r="E739" s="37"/>
    </row>
    <row r="740" spans="5:5" ht="13.5" hidden="1" customHeight="1" x14ac:dyDescent="0.25">
      <c r="E740" s="37"/>
    </row>
    <row r="741" spans="5:5" ht="13.5" hidden="1" customHeight="1" x14ac:dyDescent="0.25">
      <c r="E741" s="37"/>
    </row>
    <row r="742" spans="5:5" ht="13.5" hidden="1" customHeight="1" x14ac:dyDescent="0.25">
      <c r="E742" s="37"/>
    </row>
    <row r="743" spans="5:5" ht="13.5" hidden="1" customHeight="1" x14ac:dyDescent="0.25">
      <c r="E743" s="37"/>
    </row>
    <row r="744" spans="5:5" ht="13.5" hidden="1" customHeight="1" x14ac:dyDescent="0.25">
      <c r="E744" s="37"/>
    </row>
    <row r="745" spans="5:5" ht="13.5" hidden="1" customHeight="1" x14ac:dyDescent="0.25">
      <c r="E745" s="37"/>
    </row>
    <row r="746" spans="5:5" ht="13.5" hidden="1" customHeight="1" x14ac:dyDescent="0.25">
      <c r="E746" s="37"/>
    </row>
    <row r="747" spans="5:5" ht="13.5" hidden="1" customHeight="1" x14ac:dyDescent="0.25">
      <c r="E747" s="37"/>
    </row>
    <row r="748" spans="5:5" ht="13.5" hidden="1" customHeight="1" x14ac:dyDescent="0.25">
      <c r="E748" s="37"/>
    </row>
    <row r="749" spans="5:5" ht="13.5" hidden="1" customHeight="1" x14ac:dyDescent="0.25">
      <c r="E749" s="37"/>
    </row>
    <row r="750" spans="5:5" ht="13.5" hidden="1" customHeight="1" x14ac:dyDescent="0.25">
      <c r="E750" s="37"/>
    </row>
    <row r="751" spans="5:5" ht="13.5" hidden="1" customHeight="1" x14ac:dyDescent="0.25">
      <c r="E751" s="37"/>
    </row>
    <row r="752" spans="5:5" ht="13.5" hidden="1" customHeight="1" x14ac:dyDescent="0.25">
      <c r="E752" s="37"/>
    </row>
    <row r="753" spans="5:5" ht="13.5" hidden="1" customHeight="1" x14ac:dyDescent="0.25">
      <c r="E753" s="37"/>
    </row>
    <row r="754" spans="5:5" ht="13.5" hidden="1" customHeight="1" x14ac:dyDescent="0.25">
      <c r="E754" s="37"/>
    </row>
    <row r="755" spans="5:5" ht="13.5" hidden="1" customHeight="1" x14ac:dyDescent="0.25">
      <c r="E755" s="37"/>
    </row>
    <row r="756" spans="5:5" ht="13.5" hidden="1" customHeight="1" x14ac:dyDescent="0.25">
      <c r="E756" s="37"/>
    </row>
    <row r="757" spans="5:5" ht="13.5" hidden="1" customHeight="1" x14ac:dyDescent="0.25">
      <c r="E757" s="37"/>
    </row>
    <row r="758" spans="5:5" ht="13.5" hidden="1" customHeight="1" x14ac:dyDescent="0.25">
      <c r="E758" s="37"/>
    </row>
    <row r="759" spans="5:5" ht="13.5" hidden="1" customHeight="1" x14ac:dyDescent="0.25">
      <c r="E759" s="37"/>
    </row>
    <row r="760" spans="5:5" ht="13.5" hidden="1" customHeight="1" x14ac:dyDescent="0.25">
      <c r="E760" s="37"/>
    </row>
    <row r="761" spans="5:5" ht="13.5" hidden="1" customHeight="1" x14ac:dyDescent="0.25">
      <c r="E761" s="37"/>
    </row>
    <row r="762" spans="5:5" ht="13.5" hidden="1" customHeight="1" x14ac:dyDescent="0.25">
      <c r="E762" s="37"/>
    </row>
    <row r="763" spans="5:5" ht="13.5" hidden="1" customHeight="1" x14ac:dyDescent="0.25">
      <c r="E763" s="37"/>
    </row>
    <row r="764" spans="5:5" ht="13.5" hidden="1" customHeight="1" x14ac:dyDescent="0.25">
      <c r="E764" s="37"/>
    </row>
    <row r="765" spans="5:5" ht="13.5" hidden="1" customHeight="1" x14ac:dyDescent="0.25">
      <c r="E765" s="37"/>
    </row>
    <row r="766" spans="5:5" ht="13.5" hidden="1" customHeight="1" x14ac:dyDescent="0.25">
      <c r="E766" s="37"/>
    </row>
    <row r="767" spans="5:5" ht="13.5" hidden="1" customHeight="1" x14ac:dyDescent="0.25">
      <c r="E767" s="37"/>
    </row>
    <row r="768" spans="5:5" ht="13.5" hidden="1" customHeight="1" x14ac:dyDescent="0.25">
      <c r="E768" s="37"/>
    </row>
    <row r="769" spans="5:5" ht="13.5" hidden="1" customHeight="1" x14ac:dyDescent="0.25">
      <c r="E769" s="37"/>
    </row>
    <row r="770" spans="5:5" ht="13.5" hidden="1" customHeight="1" x14ac:dyDescent="0.25">
      <c r="E770" s="37"/>
    </row>
    <row r="771" spans="5:5" ht="13.5" hidden="1" customHeight="1" x14ac:dyDescent="0.25">
      <c r="E771" s="37"/>
    </row>
    <row r="772" spans="5:5" ht="13.5" hidden="1" customHeight="1" x14ac:dyDescent="0.25">
      <c r="E772" s="37"/>
    </row>
    <row r="773" spans="5:5" ht="13.5" hidden="1" customHeight="1" x14ac:dyDescent="0.25">
      <c r="E773" s="37"/>
    </row>
    <row r="774" spans="5:5" ht="13.5" hidden="1" customHeight="1" x14ac:dyDescent="0.25">
      <c r="E774" s="37"/>
    </row>
    <row r="775" spans="5:5" ht="13.5" hidden="1" customHeight="1" x14ac:dyDescent="0.25">
      <c r="E775" s="37"/>
    </row>
    <row r="776" spans="5:5" ht="13.5" hidden="1" customHeight="1" x14ac:dyDescent="0.25">
      <c r="E776" s="37"/>
    </row>
    <row r="777" spans="5:5" ht="13.5" hidden="1" customHeight="1" x14ac:dyDescent="0.25">
      <c r="E777" s="37"/>
    </row>
    <row r="778" spans="5:5" ht="13.5" hidden="1" customHeight="1" x14ac:dyDescent="0.25">
      <c r="E778" s="37"/>
    </row>
    <row r="779" spans="5:5" ht="13.5" hidden="1" customHeight="1" x14ac:dyDescent="0.25">
      <c r="E779" s="37"/>
    </row>
    <row r="780" spans="5:5" ht="13.5" hidden="1" customHeight="1" x14ac:dyDescent="0.25">
      <c r="E780" s="37"/>
    </row>
    <row r="781" spans="5:5" ht="13.5" hidden="1" customHeight="1" x14ac:dyDescent="0.25">
      <c r="E781" s="37"/>
    </row>
    <row r="782" spans="5:5" ht="13.5" hidden="1" customHeight="1" x14ac:dyDescent="0.25">
      <c r="E782" s="37"/>
    </row>
    <row r="783" spans="5:5" ht="13.5" hidden="1" customHeight="1" x14ac:dyDescent="0.25">
      <c r="E783" s="37"/>
    </row>
    <row r="784" spans="5:5" ht="13.5" hidden="1" customHeight="1" x14ac:dyDescent="0.25">
      <c r="E784" s="37"/>
    </row>
    <row r="785" spans="5:5" ht="13.5" hidden="1" customHeight="1" x14ac:dyDescent="0.25">
      <c r="E785" s="37"/>
    </row>
    <row r="786" spans="5:5" ht="13.5" hidden="1" customHeight="1" x14ac:dyDescent="0.25">
      <c r="E786" s="37"/>
    </row>
    <row r="787" spans="5:5" ht="13.5" hidden="1" customHeight="1" x14ac:dyDescent="0.25">
      <c r="E787" s="37"/>
    </row>
    <row r="788" spans="5:5" ht="13.5" hidden="1" customHeight="1" x14ac:dyDescent="0.25">
      <c r="E788" s="37"/>
    </row>
    <row r="789" spans="5:5" ht="13.5" hidden="1" customHeight="1" x14ac:dyDescent="0.25">
      <c r="E789" s="37"/>
    </row>
    <row r="790" spans="5:5" ht="13.5" hidden="1" customHeight="1" x14ac:dyDescent="0.25">
      <c r="E790" s="37"/>
    </row>
    <row r="791" spans="5:5" ht="13.5" hidden="1" customHeight="1" x14ac:dyDescent="0.25">
      <c r="E791" s="37"/>
    </row>
    <row r="792" spans="5:5" ht="13.5" hidden="1" customHeight="1" x14ac:dyDescent="0.25">
      <c r="E792" s="37"/>
    </row>
    <row r="793" spans="5:5" ht="13.5" hidden="1" customHeight="1" x14ac:dyDescent="0.25">
      <c r="E793" s="37"/>
    </row>
    <row r="794" spans="5:5" ht="13.5" hidden="1" customHeight="1" x14ac:dyDescent="0.25">
      <c r="E794" s="37"/>
    </row>
    <row r="795" spans="5:5" ht="13.5" hidden="1" customHeight="1" x14ac:dyDescent="0.25">
      <c r="E795" s="37"/>
    </row>
    <row r="796" spans="5:5" ht="13.5" hidden="1" customHeight="1" x14ac:dyDescent="0.25">
      <c r="E796" s="37"/>
    </row>
    <row r="797" spans="5:5" ht="13.5" hidden="1" customHeight="1" x14ac:dyDescent="0.25">
      <c r="E797" s="37"/>
    </row>
    <row r="798" spans="5:5" ht="13.5" hidden="1" customHeight="1" x14ac:dyDescent="0.25">
      <c r="E798" s="37"/>
    </row>
    <row r="799" spans="5:5" ht="13.5" hidden="1" customHeight="1" x14ac:dyDescent="0.25">
      <c r="E799" s="37"/>
    </row>
    <row r="800" spans="5:5" ht="13.5" hidden="1" customHeight="1" x14ac:dyDescent="0.25">
      <c r="E800" s="37"/>
    </row>
    <row r="801" spans="5:5" ht="13.5" hidden="1" customHeight="1" x14ac:dyDescent="0.25">
      <c r="E801" s="37"/>
    </row>
    <row r="802" spans="5:5" ht="13.5" hidden="1" customHeight="1" x14ac:dyDescent="0.25">
      <c r="E802" s="37"/>
    </row>
    <row r="803" spans="5:5" ht="13.5" hidden="1" customHeight="1" x14ac:dyDescent="0.25">
      <c r="E803" s="37"/>
    </row>
    <row r="804" spans="5:5" ht="13.5" hidden="1" customHeight="1" x14ac:dyDescent="0.25">
      <c r="E804" s="37"/>
    </row>
    <row r="805" spans="5:5" ht="13.5" hidden="1" customHeight="1" x14ac:dyDescent="0.25">
      <c r="E805" s="37"/>
    </row>
    <row r="806" spans="5:5" ht="13.5" hidden="1" customHeight="1" x14ac:dyDescent="0.25">
      <c r="E806" s="37"/>
    </row>
    <row r="807" spans="5:5" ht="13.5" hidden="1" customHeight="1" x14ac:dyDescent="0.25">
      <c r="E807" s="37"/>
    </row>
    <row r="808" spans="5:5" ht="13.5" hidden="1" customHeight="1" x14ac:dyDescent="0.25">
      <c r="E808" s="37"/>
    </row>
    <row r="809" spans="5:5" ht="13.5" hidden="1" customHeight="1" x14ac:dyDescent="0.25">
      <c r="E809" s="37"/>
    </row>
    <row r="810" spans="5:5" ht="13.5" hidden="1" customHeight="1" x14ac:dyDescent="0.25">
      <c r="E810" s="37"/>
    </row>
    <row r="811" spans="5:5" ht="13.5" hidden="1" customHeight="1" x14ac:dyDescent="0.25">
      <c r="E811" s="37"/>
    </row>
    <row r="812" spans="5:5" ht="13.5" hidden="1" customHeight="1" x14ac:dyDescent="0.25">
      <c r="E812" s="37"/>
    </row>
    <row r="813" spans="5:5" ht="13.5" hidden="1" customHeight="1" x14ac:dyDescent="0.25">
      <c r="E813" s="37"/>
    </row>
    <row r="814" spans="5:5" ht="13.5" hidden="1" customHeight="1" x14ac:dyDescent="0.25">
      <c r="E814" s="37"/>
    </row>
    <row r="815" spans="5:5" ht="13.5" hidden="1" customHeight="1" x14ac:dyDescent="0.25">
      <c r="E815" s="37"/>
    </row>
    <row r="816" spans="5:5" ht="13.5" hidden="1" customHeight="1" x14ac:dyDescent="0.25">
      <c r="E816" s="37"/>
    </row>
    <row r="817" spans="5:5" ht="13.5" hidden="1" customHeight="1" x14ac:dyDescent="0.25">
      <c r="E817" s="37"/>
    </row>
    <row r="818" spans="5:5" ht="13.5" hidden="1" customHeight="1" x14ac:dyDescent="0.25">
      <c r="E818" s="37"/>
    </row>
    <row r="819" spans="5:5" ht="13.5" hidden="1" customHeight="1" x14ac:dyDescent="0.25">
      <c r="E819" s="37"/>
    </row>
    <row r="820" spans="5:5" ht="13.5" hidden="1" customHeight="1" x14ac:dyDescent="0.25">
      <c r="E820" s="37"/>
    </row>
    <row r="821" spans="5:5" ht="13.5" hidden="1" customHeight="1" x14ac:dyDescent="0.25">
      <c r="E821" s="37"/>
    </row>
    <row r="822" spans="5:5" ht="13.5" hidden="1" customHeight="1" x14ac:dyDescent="0.25">
      <c r="E822" s="37"/>
    </row>
    <row r="823" spans="5:5" ht="13.5" hidden="1" customHeight="1" x14ac:dyDescent="0.25">
      <c r="E823" s="37"/>
    </row>
    <row r="824" spans="5:5" ht="13.5" hidden="1" customHeight="1" x14ac:dyDescent="0.25">
      <c r="E824" s="37"/>
    </row>
    <row r="825" spans="5:5" ht="13.5" hidden="1" customHeight="1" x14ac:dyDescent="0.25">
      <c r="E825" s="37"/>
    </row>
    <row r="826" spans="5:5" ht="13.5" hidden="1" customHeight="1" x14ac:dyDescent="0.25">
      <c r="E826" s="37"/>
    </row>
    <row r="827" spans="5:5" ht="13.5" hidden="1" customHeight="1" x14ac:dyDescent="0.25">
      <c r="E827" s="37"/>
    </row>
    <row r="828" spans="5:5" ht="13.5" hidden="1" customHeight="1" x14ac:dyDescent="0.25">
      <c r="E828" s="37"/>
    </row>
    <row r="829" spans="5:5" ht="13.5" hidden="1" customHeight="1" x14ac:dyDescent="0.25">
      <c r="E829" s="37"/>
    </row>
    <row r="830" spans="5:5" ht="13.5" hidden="1" customHeight="1" x14ac:dyDescent="0.25">
      <c r="E830" s="37"/>
    </row>
    <row r="831" spans="5:5" ht="13.5" hidden="1" customHeight="1" x14ac:dyDescent="0.25">
      <c r="E831" s="37"/>
    </row>
    <row r="832" spans="5:5" ht="13.5" hidden="1" customHeight="1" x14ac:dyDescent="0.25">
      <c r="E832" s="37"/>
    </row>
    <row r="833" spans="5:5" ht="13.5" hidden="1" customHeight="1" x14ac:dyDescent="0.25">
      <c r="E833" s="37"/>
    </row>
    <row r="834" spans="5:5" ht="13.5" hidden="1" customHeight="1" x14ac:dyDescent="0.25">
      <c r="E834" s="37"/>
    </row>
    <row r="835" spans="5:5" ht="13.5" hidden="1" customHeight="1" x14ac:dyDescent="0.25">
      <c r="E835" s="37"/>
    </row>
    <row r="836" spans="5:5" ht="13.5" hidden="1" customHeight="1" x14ac:dyDescent="0.25">
      <c r="E836" s="37"/>
    </row>
    <row r="837" spans="5:5" ht="13.5" hidden="1" customHeight="1" x14ac:dyDescent="0.25">
      <c r="E837" s="37"/>
    </row>
    <row r="838" spans="5:5" ht="13.5" hidden="1" customHeight="1" x14ac:dyDescent="0.25">
      <c r="E838" s="37"/>
    </row>
    <row r="839" spans="5:5" ht="13.5" hidden="1" customHeight="1" x14ac:dyDescent="0.25">
      <c r="E839" s="37"/>
    </row>
    <row r="840" spans="5:5" ht="13.5" hidden="1" customHeight="1" x14ac:dyDescent="0.25">
      <c r="E840" s="37"/>
    </row>
    <row r="841" spans="5:5" ht="13.5" hidden="1" customHeight="1" x14ac:dyDescent="0.25">
      <c r="E841" s="37"/>
    </row>
    <row r="842" spans="5:5" ht="13.5" hidden="1" customHeight="1" x14ac:dyDescent="0.25">
      <c r="E842" s="37"/>
    </row>
    <row r="843" spans="5:5" ht="13.5" hidden="1" customHeight="1" x14ac:dyDescent="0.25">
      <c r="E843" s="37"/>
    </row>
    <row r="844" spans="5:5" ht="13.5" hidden="1" customHeight="1" x14ac:dyDescent="0.25">
      <c r="E844" s="37"/>
    </row>
    <row r="845" spans="5:5" ht="13.5" hidden="1" customHeight="1" x14ac:dyDescent="0.25">
      <c r="E845" s="37"/>
    </row>
    <row r="846" spans="5:5" ht="13.5" hidden="1" customHeight="1" x14ac:dyDescent="0.25">
      <c r="E846" s="37"/>
    </row>
    <row r="847" spans="5:5" ht="13.5" hidden="1" customHeight="1" x14ac:dyDescent="0.25">
      <c r="E847" s="37"/>
    </row>
    <row r="848" spans="5:5" ht="13.5" hidden="1" customHeight="1" x14ac:dyDescent="0.25">
      <c r="E848" s="37"/>
    </row>
    <row r="849" spans="5:5" ht="13.5" hidden="1" customHeight="1" x14ac:dyDescent="0.25">
      <c r="E849" s="37"/>
    </row>
    <row r="850" spans="5:5" ht="13.5" hidden="1" customHeight="1" x14ac:dyDescent="0.25">
      <c r="E850" s="37"/>
    </row>
    <row r="851" spans="5:5" ht="13.5" hidden="1" customHeight="1" x14ac:dyDescent="0.25">
      <c r="E851" s="37"/>
    </row>
    <row r="852" spans="5:5" ht="13.5" hidden="1" customHeight="1" x14ac:dyDescent="0.25">
      <c r="E852" s="37"/>
    </row>
    <row r="853" spans="5:5" ht="13.5" hidden="1" customHeight="1" x14ac:dyDescent="0.25">
      <c r="E853" s="37"/>
    </row>
    <row r="854" spans="5:5" ht="13.5" hidden="1" customHeight="1" x14ac:dyDescent="0.25">
      <c r="E854" s="37"/>
    </row>
    <row r="855" spans="5:5" ht="13.5" hidden="1" customHeight="1" x14ac:dyDescent="0.25">
      <c r="E855" s="37"/>
    </row>
    <row r="856" spans="5:5" ht="13.5" hidden="1" customHeight="1" x14ac:dyDescent="0.25">
      <c r="E856" s="37"/>
    </row>
    <row r="857" spans="5:5" ht="13.5" hidden="1" customHeight="1" x14ac:dyDescent="0.25">
      <c r="E857" s="37"/>
    </row>
    <row r="858" spans="5:5" ht="13.5" hidden="1" customHeight="1" x14ac:dyDescent="0.25">
      <c r="E858" s="37"/>
    </row>
    <row r="859" spans="5:5" ht="13.5" hidden="1" customHeight="1" x14ac:dyDescent="0.25">
      <c r="E859" s="37"/>
    </row>
    <row r="860" spans="5:5" ht="13.5" hidden="1" customHeight="1" x14ac:dyDescent="0.25">
      <c r="E860" s="37"/>
    </row>
    <row r="861" spans="5:5" ht="13.5" hidden="1" customHeight="1" x14ac:dyDescent="0.25">
      <c r="E861" s="37"/>
    </row>
    <row r="862" spans="5:5" ht="13.5" hidden="1" customHeight="1" x14ac:dyDescent="0.25">
      <c r="E862" s="37"/>
    </row>
    <row r="863" spans="5:5" ht="13.5" hidden="1" customHeight="1" x14ac:dyDescent="0.25">
      <c r="E863" s="37"/>
    </row>
    <row r="864" spans="5:5" ht="13.5" hidden="1" customHeight="1" x14ac:dyDescent="0.25">
      <c r="E864" s="37"/>
    </row>
    <row r="865" spans="5:5" ht="13.5" hidden="1" customHeight="1" x14ac:dyDescent="0.25">
      <c r="E865" s="37"/>
    </row>
    <row r="866" spans="5:5" ht="13.5" hidden="1" customHeight="1" x14ac:dyDescent="0.25">
      <c r="E866" s="37"/>
    </row>
    <row r="867" spans="5:5" ht="13.5" hidden="1" customHeight="1" x14ac:dyDescent="0.25">
      <c r="E867" s="37"/>
    </row>
    <row r="868" spans="5:5" ht="13.5" hidden="1" customHeight="1" x14ac:dyDescent="0.25">
      <c r="E868" s="37"/>
    </row>
    <row r="869" spans="5:5" ht="13.5" hidden="1" customHeight="1" x14ac:dyDescent="0.25">
      <c r="E869" s="37"/>
    </row>
    <row r="870" spans="5:5" ht="13.5" hidden="1" customHeight="1" x14ac:dyDescent="0.25">
      <c r="E870" s="37"/>
    </row>
    <row r="871" spans="5:5" ht="13.5" hidden="1" customHeight="1" x14ac:dyDescent="0.25">
      <c r="E871" s="37"/>
    </row>
    <row r="872" spans="5:5" ht="13.5" hidden="1" customHeight="1" x14ac:dyDescent="0.25">
      <c r="E872" s="37"/>
    </row>
    <row r="873" spans="5:5" ht="13.5" hidden="1" customHeight="1" x14ac:dyDescent="0.25">
      <c r="E873" s="37"/>
    </row>
    <row r="874" spans="5:5" ht="13.5" hidden="1" customHeight="1" x14ac:dyDescent="0.25">
      <c r="E874" s="37"/>
    </row>
    <row r="875" spans="5:5" ht="13.5" hidden="1" customHeight="1" x14ac:dyDescent="0.25">
      <c r="E875" s="37"/>
    </row>
    <row r="876" spans="5:5" ht="13.5" hidden="1" customHeight="1" x14ac:dyDescent="0.25">
      <c r="E876" s="37"/>
    </row>
    <row r="877" spans="5:5" ht="13.5" hidden="1" customHeight="1" x14ac:dyDescent="0.25">
      <c r="E877" s="37"/>
    </row>
    <row r="878" spans="5:5" ht="13.5" hidden="1" customHeight="1" x14ac:dyDescent="0.25">
      <c r="E878" s="37"/>
    </row>
    <row r="879" spans="5:5" ht="13.5" hidden="1" customHeight="1" x14ac:dyDescent="0.25">
      <c r="E879" s="37"/>
    </row>
    <row r="880" spans="5:5" ht="13.5" hidden="1" customHeight="1" x14ac:dyDescent="0.25">
      <c r="E880" s="37"/>
    </row>
    <row r="881" spans="5:5" ht="13.5" hidden="1" customHeight="1" x14ac:dyDescent="0.25">
      <c r="E881" s="37"/>
    </row>
    <row r="882" spans="5:5" ht="13.5" hidden="1" customHeight="1" x14ac:dyDescent="0.25">
      <c r="E882" s="37"/>
    </row>
    <row r="883" spans="5:5" ht="13.5" hidden="1" customHeight="1" x14ac:dyDescent="0.25">
      <c r="E883" s="37"/>
    </row>
    <row r="884" spans="5:5" ht="13.5" hidden="1" customHeight="1" x14ac:dyDescent="0.25">
      <c r="E884" s="37"/>
    </row>
    <row r="885" spans="5:5" ht="13.5" hidden="1" customHeight="1" x14ac:dyDescent="0.25">
      <c r="E885" s="37"/>
    </row>
    <row r="886" spans="5:5" ht="13.5" hidden="1" customHeight="1" x14ac:dyDescent="0.25">
      <c r="E886" s="37"/>
    </row>
    <row r="887" spans="5:5" ht="13.5" hidden="1" customHeight="1" x14ac:dyDescent="0.25">
      <c r="E887" s="37"/>
    </row>
    <row r="888" spans="5:5" ht="13.5" hidden="1" customHeight="1" x14ac:dyDescent="0.25">
      <c r="E888" s="37"/>
    </row>
    <row r="889" spans="5:5" ht="13.5" hidden="1" customHeight="1" x14ac:dyDescent="0.25">
      <c r="E889" s="37"/>
    </row>
    <row r="890" spans="5:5" ht="13.5" hidden="1" customHeight="1" x14ac:dyDescent="0.25">
      <c r="E890" s="37"/>
    </row>
    <row r="891" spans="5:5" ht="13.5" hidden="1" customHeight="1" x14ac:dyDescent="0.25">
      <c r="E891" s="37"/>
    </row>
    <row r="892" spans="5:5" ht="13.5" hidden="1" customHeight="1" x14ac:dyDescent="0.25">
      <c r="E892" s="37"/>
    </row>
    <row r="893" spans="5:5" ht="13.5" hidden="1" customHeight="1" x14ac:dyDescent="0.25">
      <c r="E893" s="37"/>
    </row>
    <row r="894" spans="5:5" ht="13.5" hidden="1" customHeight="1" x14ac:dyDescent="0.25">
      <c r="E894" s="37"/>
    </row>
    <row r="895" spans="5:5" ht="13.5" hidden="1" customHeight="1" x14ac:dyDescent="0.25">
      <c r="E895" s="37"/>
    </row>
    <row r="896" spans="5:5" ht="13.5" hidden="1" customHeight="1" x14ac:dyDescent="0.25">
      <c r="E896" s="37"/>
    </row>
    <row r="897" spans="5:5" ht="13.5" hidden="1" customHeight="1" x14ac:dyDescent="0.25">
      <c r="E897" s="37"/>
    </row>
    <row r="898" spans="5:5" ht="13.5" hidden="1" customHeight="1" x14ac:dyDescent="0.25">
      <c r="E898" s="37"/>
    </row>
    <row r="899" spans="5:5" ht="13.5" hidden="1" customHeight="1" x14ac:dyDescent="0.25">
      <c r="E899" s="37"/>
    </row>
    <row r="900" spans="5:5" ht="13.5" hidden="1" customHeight="1" x14ac:dyDescent="0.25">
      <c r="E900" s="37"/>
    </row>
    <row r="901" spans="5:5" ht="13.5" hidden="1" customHeight="1" x14ac:dyDescent="0.25">
      <c r="E901" s="37"/>
    </row>
    <row r="902" spans="5:5" ht="13.5" hidden="1" customHeight="1" x14ac:dyDescent="0.25">
      <c r="E902" s="37"/>
    </row>
    <row r="903" spans="5:5" ht="13.5" hidden="1" customHeight="1" x14ac:dyDescent="0.25">
      <c r="E903" s="37"/>
    </row>
    <row r="904" spans="5:5" ht="13.5" hidden="1" customHeight="1" x14ac:dyDescent="0.25">
      <c r="E904" s="37"/>
    </row>
    <row r="905" spans="5:5" ht="13.5" hidden="1" customHeight="1" x14ac:dyDescent="0.25">
      <c r="E905" s="37"/>
    </row>
    <row r="906" spans="5:5" ht="13.5" hidden="1" customHeight="1" x14ac:dyDescent="0.25">
      <c r="E906" s="37"/>
    </row>
    <row r="907" spans="5:5" ht="13.5" hidden="1" customHeight="1" x14ac:dyDescent="0.25">
      <c r="E907" s="37"/>
    </row>
    <row r="908" spans="5:5" ht="13.5" hidden="1" customHeight="1" x14ac:dyDescent="0.25">
      <c r="E908" s="37"/>
    </row>
    <row r="909" spans="5:5" ht="13.5" hidden="1" customHeight="1" x14ac:dyDescent="0.25">
      <c r="E909" s="37"/>
    </row>
    <row r="910" spans="5:5" ht="13.5" hidden="1" customHeight="1" x14ac:dyDescent="0.25">
      <c r="E910" s="37"/>
    </row>
    <row r="911" spans="5:5" ht="13.5" hidden="1" customHeight="1" x14ac:dyDescent="0.25">
      <c r="E911" s="37"/>
    </row>
    <row r="912" spans="5:5" ht="13.5" hidden="1" customHeight="1" x14ac:dyDescent="0.25">
      <c r="E912" s="37"/>
    </row>
    <row r="913" spans="5:5" ht="13.5" hidden="1" customHeight="1" x14ac:dyDescent="0.25">
      <c r="E913" s="37"/>
    </row>
    <row r="914" spans="5:5" ht="13.5" hidden="1" customHeight="1" x14ac:dyDescent="0.25">
      <c r="E914" s="37"/>
    </row>
    <row r="915" spans="5:5" ht="13.5" hidden="1" customHeight="1" x14ac:dyDescent="0.25">
      <c r="E915" s="37"/>
    </row>
    <row r="916" spans="5:5" ht="13.5" hidden="1" customHeight="1" x14ac:dyDescent="0.25">
      <c r="E916" s="37"/>
    </row>
    <row r="917" spans="5:5" ht="13.5" hidden="1" customHeight="1" x14ac:dyDescent="0.25">
      <c r="E917" s="37"/>
    </row>
    <row r="918" spans="5:5" ht="13.5" hidden="1" customHeight="1" x14ac:dyDescent="0.25">
      <c r="E918" s="37"/>
    </row>
    <row r="919" spans="5:5" ht="13.5" hidden="1" customHeight="1" x14ac:dyDescent="0.25">
      <c r="E919" s="37"/>
    </row>
    <row r="920" spans="5:5" ht="13.5" hidden="1" customHeight="1" x14ac:dyDescent="0.25">
      <c r="E920" s="37"/>
    </row>
    <row r="921" spans="5:5" ht="13.5" hidden="1" customHeight="1" x14ac:dyDescent="0.25">
      <c r="E921" s="37"/>
    </row>
    <row r="922" spans="5:5" ht="13.5" hidden="1" customHeight="1" x14ac:dyDescent="0.25">
      <c r="E922" s="37"/>
    </row>
    <row r="923" spans="5:5" ht="13.5" hidden="1" customHeight="1" x14ac:dyDescent="0.25">
      <c r="E923" s="37"/>
    </row>
    <row r="924" spans="5:5" ht="13.5" hidden="1" customHeight="1" x14ac:dyDescent="0.25">
      <c r="E924" s="37"/>
    </row>
    <row r="925" spans="5:5" ht="13.5" hidden="1" customHeight="1" x14ac:dyDescent="0.25">
      <c r="E925" s="37"/>
    </row>
    <row r="926" spans="5:5" ht="13.5" hidden="1" customHeight="1" x14ac:dyDescent="0.25">
      <c r="E926" s="37"/>
    </row>
    <row r="927" spans="5:5" ht="13.5" hidden="1" customHeight="1" x14ac:dyDescent="0.25">
      <c r="E927" s="37"/>
    </row>
    <row r="928" spans="5:5" ht="13.5" hidden="1" customHeight="1" x14ac:dyDescent="0.25">
      <c r="E928" s="37"/>
    </row>
    <row r="929" spans="5:5" ht="13.5" hidden="1" customHeight="1" x14ac:dyDescent="0.25">
      <c r="E929" s="37"/>
    </row>
    <row r="930" spans="5:5" ht="13.5" hidden="1" customHeight="1" x14ac:dyDescent="0.25">
      <c r="E930" s="37"/>
    </row>
    <row r="931" spans="5:5" ht="13.5" hidden="1" customHeight="1" x14ac:dyDescent="0.25">
      <c r="E931" s="37"/>
    </row>
    <row r="932" spans="5:5" ht="13.5" hidden="1" customHeight="1" x14ac:dyDescent="0.25">
      <c r="E932" s="37"/>
    </row>
    <row r="933" spans="5:5" ht="13.5" hidden="1" customHeight="1" x14ac:dyDescent="0.25">
      <c r="E933" s="37"/>
    </row>
    <row r="934" spans="5:5" ht="13.5" hidden="1" customHeight="1" x14ac:dyDescent="0.25">
      <c r="E934" s="37"/>
    </row>
    <row r="935" spans="5:5" ht="13.5" hidden="1" customHeight="1" x14ac:dyDescent="0.25">
      <c r="E935" s="37"/>
    </row>
    <row r="936" spans="5:5" ht="13.5" hidden="1" customHeight="1" x14ac:dyDescent="0.25">
      <c r="E936" s="37"/>
    </row>
    <row r="937" spans="5:5" ht="13.5" hidden="1" customHeight="1" x14ac:dyDescent="0.25">
      <c r="E937" s="37"/>
    </row>
    <row r="938" spans="5:5" ht="13.5" hidden="1" customHeight="1" x14ac:dyDescent="0.25">
      <c r="E938" s="37"/>
    </row>
    <row r="939" spans="5:5" ht="13.5" hidden="1" customHeight="1" x14ac:dyDescent="0.25">
      <c r="E939" s="37"/>
    </row>
    <row r="940" spans="5:5" ht="13.5" hidden="1" customHeight="1" x14ac:dyDescent="0.25">
      <c r="E940" s="37"/>
    </row>
    <row r="941" spans="5:5" ht="13.5" hidden="1" customHeight="1" x14ac:dyDescent="0.25">
      <c r="E941" s="37"/>
    </row>
    <row r="942" spans="5:5" ht="13.5" hidden="1" customHeight="1" x14ac:dyDescent="0.25">
      <c r="E942" s="37"/>
    </row>
    <row r="943" spans="5:5" ht="13.5" hidden="1" customHeight="1" x14ac:dyDescent="0.25">
      <c r="E943" s="37"/>
    </row>
    <row r="944" spans="5:5" ht="13.5" hidden="1" customHeight="1" x14ac:dyDescent="0.25">
      <c r="E944" s="37"/>
    </row>
    <row r="945" spans="5:5" ht="13.5" hidden="1" customHeight="1" x14ac:dyDescent="0.25">
      <c r="E945" s="37"/>
    </row>
    <row r="946" spans="5:5" ht="13.5" hidden="1" customHeight="1" x14ac:dyDescent="0.25">
      <c r="E946" s="37"/>
    </row>
    <row r="947" spans="5:5" ht="13.5" hidden="1" customHeight="1" x14ac:dyDescent="0.25">
      <c r="E947" s="37"/>
    </row>
    <row r="948" spans="5:5" ht="13.5" hidden="1" customHeight="1" x14ac:dyDescent="0.25">
      <c r="E948" s="37"/>
    </row>
    <row r="949" spans="5:5" ht="13.5" hidden="1" customHeight="1" x14ac:dyDescent="0.25">
      <c r="E949" s="37"/>
    </row>
    <row r="950" spans="5:5" ht="13.5" hidden="1" customHeight="1" x14ac:dyDescent="0.25">
      <c r="E950" s="37"/>
    </row>
    <row r="951" spans="5:5" ht="13.5" hidden="1" customHeight="1" x14ac:dyDescent="0.25">
      <c r="E951" s="37"/>
    </row>
    <row r="952" spans="5:5" ht="13.5" hidden="1" customHeight="1" x14ac:dyDescent="0.25">
      <c r="E952" s="37"/>
    </row>
    <row r="953" spans="5:5" ht="13.5" hidden="1" customHeight="1" x14ac:dyDescent="0.25">
      <c r="E953" s="37"/>
    </row>
    <row r="954" spans="5:5" ht="13.5" hidden="1" customHeight="1" x14ac:dyDescent="0.25">
      <c r="E954" s="37"/>
    </row>
    <row r="955" spans="5:5" ht="13.5" hidden="1" customHeight="1" x14ac:dyDescent="0.25">
      <c r="E955" s="37"/>
    </row>
    <row r="956" spans="5:5" ht="13.5" hidden="1" customHeight="1" x14ac:dyDescent="0.25">
      <c r="E956" s="37"/>
    </row>
    <row r="957" spans="5:5" ht="13.5" hidden="1" customHeight="1" x14ac:dyDescent="0.25">
      <c r="E957" s="37"/>
    </row>
    <row r="958" spans="5:5" ht="13.5" hidden="1" customHeight="1" x14ac:dyDescent="0.25">
      <c r="E958" s="37"/>
    </row>
    <row r="959" spans="5:5" ht="13.5" hidden="1" customHeight="1" x14ac:dyDescent="0.25">
      <c r="E959" s="37"/>
    </row>
    <row r="960" spans="5:5" ht="13.5" hidden="1" customHeight="1" x14ac:dyDescent="0.25">
      <c r="E960" s="37"/>
    </row>
    <row r="961" spans="5:5" ht="13.5" hidden="1" customHeight="1" x14ac:dyDescent="0.25">
      <c r="E961" s="37"/>
    </row>
    <row r="962" spans="5:5" ht="13.5" hidden="1" customHeight="1" x14ac:dyDescent="0.25">
      <c r="E962" s="37"/>
    </row>
    <row r="963" spans="5:5" ht="13.5" hidden="1" customHeight="1" x14ac:dyDescent="0.25">
      <c r="E963" s="37"/>
    </row>
    <row r="964" spans="5:5" ht="13.5" hidden="1" customHeight="1" x14ac:dyDescent="0.25">
      <c r="E964" s="37"/>
    </row>
    <row r="965" spans="5:5" ht="13.5" hidden="1" customHeight="1" x14ac:dyDescent="0.25">
      <c r="E965" s="37"/>
    </row>
    <row r="966" spans="5:5" ht="13.5" hidden="1" customHeight="1" x14ac:dyDescent="0.25">
      <c r="E966" s="37"/>
    </row>
    <row r="967" spans="5:5" ht="13.5" hidden="1" customHeight="1" x14ac:dyDescent="0.25">
      <c r="E967" s="37"/>
    </row>
    <row r="968" spans="5:5" ht="13.5" hidden="1" customHeight="1" x14ac:dyDescent="0.25">
      <c r="E968" s="37"/>
    </row>
    <row r="969" spans="5:5" ht="13.5" hidden="1" customHeight="1" x14ac:dyDescent="0.25">
      <c r="E969" s="37"/>
    </row>
    <row r="970" spans="5:5" ht="13.5" hidden="1" customHeight="1" x14ac:dyDescent="0.25">
      <c r="E970" s="37"/>
    </row>
    <row r="971" spans="5:5" ht="13.5" hidden="1" customHeight="1" x14ac:dyDescent="0.25">
      <c r="E971" s="37"/>
    </row>
    <row r="972" spans="5:5" ht="13.5" hidden="1" customHeight="1" x14ac:dyDescent="0.25">
      <c r="E972" s="37"/>
    </row>
    <row r="973" spans="5:5" ht="13.5" hidden="1" customHeight="1" x14ac:dyDescent="0.25">
      <c r="E973" s="37"/>
    </row>
    <row r="974" spans="5:5" ht="13.5" hidden="1" customHeight="1" x14ac:dyDescent="0.25">
      <c r="E974" s="37"/>
    </row>
    <row r="975" spans="5:5" ht="13.5" hidden="1" customHeight="1" x14ac:dyDescent="0.25">
      <c r="E975" s="37"/>
    </row>
    <row r="976" spans="5:5" ht="13.5" hidden="1" customHeight="1" x14ac:dyDescent="0.25">
      <c r="E976" s="37"/>
    </row>
    <row r="977" spans="5:5" ht="13.5" hidden="1" customHeight="1" x14ac:dyDescent="0.25">
      <c r="E977" s="37"/>
    </row>
    <row r="978" spans="5:5" ht="13.5" hidden="1" customHeight="1" x14ac:dyDescent="0.25">
      <c r="E978" s="37"/>
    </row>
    <row r="979" spans="5:5" ht="13.5" hidden="1" customHeight="1" x14ac:dyDescent="0.25">
      <c r="E979" s="37"/>
    </row>
    <row r="980" spans="5:5" ht="13.5" hidden="1" customHeight="1" x14ac:dyDescent="0.25">
      <c r="E980" s="37"/>
    </row>
    <row r="981" spans="5:5" ht="13.5" hidden="1" customHeight="1" x14ac:dyDescent="0.25">
      <c r="E981" s="37"/>
    </row>
    <row r="982" spans="5:5" ht="13.5" hidden="1" customHeight="1" x14ac:dyDescent="0.25">
      <c r="E982" s="37"/>
    </row>
    <row r="983" spans="5:5" ht="13.5" hidden="1" customHeight="1" x14ac:dyDescent="0.25">
      <c r="E983" s="37"/>
    </row>
    <row r="984" spans="5:5" ht="13.5" hidden="1" customHeight="1" x14ac:dyDescent="0.25">
      <c r="E984" s="37"/>
    </row>
    <row r="985" spans="5:5" ht="13.5" hidden="1" customHeight="1" x14ac:dyDescent="0.25">
      <c r="E985" s="37"/>
    </row>
    <row r="986" spans="5:5" ht="13.5" hidden="1" customHeight="1" x14ac:dyDescent="0.25">
      <c r="E986" s="37"/>
    </row>
    <row r="987" spans="5:5" ht="13.5" hidden="1" customHeight="1" x14ac:dyDescent="0.25">
      <c r="E987" s="37"/>
    </row>
    <row r="988" spans="5:5" ht="13.5" hidden="1" customHeight="1" x14ac:dyDescent="0.25">
      <c r="E988" s="37"/>
    </row>
    <row r="989" spans="5:5" ht="13.5" hidden="1" customHeight="1" x14ac:dyDescent="0.25">
      <c r="E989" s="37"/>
    </row>
    <row r="990" spans="5:5" ht="13.5" hidden="1" customHeight="1" x14ac:dyDescent="0.25">
      <c r="E990" s="37"/>
    </row>
    <row r="991" spans="5:5" ht="13.5" hidden="1" customHeight="1" x14ac:dyDescent="0.25">
      <c r="E991" s="37"/>
    </row>
    <row r="992" spans="5:5" ht="13.5" hidden="1" customHeight="1" x14ac:dyDescent="0.25">
      <c r="E992" s="37"/>
    </row>
    <row r="993" spans="5:5" ht="13.5" hidden="1" customHeight="1" x14ac:dyDescent="0.25">
      <c r="E993" s="37"/>
    </row>
    <row r="994" spans="5:5" ht="13.5" hidden="1" customHeight="1" x14ac:dyDescent="0.25">
      <c r="E994" s="37"/>
    </row>
    <row r="995" spans="5:5" ht="13.5" hidden="1" customHeight="1" x14ac:dyDescent="0.25">
      <c r="E995" s="37"/>
    </row>
    <row r="996" spans="5:5" ht="13.5" hidden="1" customHeight="1" x14ac:dyDescent="0.25">
      <c r="E996" s="37"/>
    </row>
    <row r="997" spans="5:5" ht="13.5" hidden="1" customHeight="1" x14ac:dyDescent="0.25">
      <c r="E997" s="37"/>
    </row>
    <row r="998" spans="5:5" ht="13.5" hidden="1" customHeight="1" x14ac:dyDescent="0.25">
      <c r="E998" s="37"/>
    </row>
    <row r="999" spans="5:5" ht="13.5" hidden="1" customHeight="1" x14ac:dyDescent="0.25">
      <c r="E999" s="37"/>
    </row>
    <row r="1000" spans="5:5" ht="13.5" hidden="1" customHeight="1" x14ac:dyDescent="0.25">
      <c r="E1000" s="37"/>
    </row>
  </sheetData>
  <mergeCells count="7">
    <mergeCell ref="A15:E15"/>
    <mergeCell ref="A16:E16"/>
    <mergeCell ref="A1:E4"/>
    <mergeCell ref="A5:E5"/>
    <mergeCell ref="A6:E6"/>
    <mergeCell ref="A10:E10"/>
    <mergeCell ref="A11:E11"/>
  </mergeCells>
  <pageMargins left="0.7" right="0.7" top="0.75" bottom="0.75" header="0" footer="0"/>
  <pageSetup orientation="portrait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500-000000000000}">
  <sheetPr>
    <tabColor rgb="FFFFFF00"/>
  </sheetPr>
  <dimension ref="A1:Z1000"/>
  <sheetViews>
    <sheetView workbookViewId="0">
      <selection sqref="A1:E4"/>
    </sheetView>
  </sheetViews>
  <sheetFormatPr defaultColWidth="0" defaultRowHeight="15" customHeight="1" zeroHeight="1" x14ac:dyDescent="0.25"/>
  <cols>
    <col min="1" max="1" width="4.8984375" customWidth="1"/>
    <col min="2" max="2" width="20.59765625" customWidth="1"/>
    <col min="3" max="4" width="34.5" customWidth="1"/>
    <col min="5" max="5" width="14.3984375" customWidth="1"/>
    <col min="6" max="6" width="9" hidden="1" customWidth="1"/>
    <col min="7" max="26" width="8.59765625" hidden="1" customWidth="1"/>
    <col min="27" max="16384" width="12.59765625" hidden="1"/>
  </cols>
  <sheetData>
    <row r="1" spans="1:5" ht="14.25" customHeight="1" x14ac:dyDescent="0.25">
      <c r="A1" s="97" t="s">
        <v>76</v>
      </c>
      <c r="B1" s="82"/>
      <c r="C1" s="82"/>
      <c r="D1" s="82"/>
      <c r="E1" s="83"/>
    </row>
    <row r="2" spans="1:5" ht="14.25" customHeight="1" x14ac:dyDescent="0.25">
      <c r="A2" s="84"/>
      <c r="B2" s="62"/>
      <c r="C2" s="62"/>
      <c r="D2" s="62"/>
      <c r="E2" s="85"/>
    </row>
    <row r="3" spans="1:5" ht="14.25" customHeight="1" x14ac:dyDescent="0.25">
      <c r="A3" s="84"/>
      <c r="B3" s="62"/>
      <c r="C3" s="62"/>
      <c r="D3" s="62"/>
      <c r="E3" s="85"/>
    </row>
    <row r="4" spans="1:5" ht="15" customHeight="1" x14ac:dyDescent="0.25">
      <c r="A4" s="86"/>
      <c r="B4" s="87"/>
      <c r="C4" s="87"/>
      <c r="D4" s="87"/>
      <c r="E4" s="88"/>
    </row>
    <row r="5" spans="1:5" ht="13.5" customHeight="1" x14ac:dyDescent="0.25">
      <c r="A5" s="89"/>
      <c r="B5" s="78"/>
      <c r="C5" s="78"/>
      <c r="D5" s="78"/>
      <c r="E5" s="78"/>
    </row>
    <row r="6" spans="1:5" ht="13.5" customHeight="1" x14ac:dyDescent="0.3">
      <c r="A6" s="96" t="s">
        <v>51</v>
      </c>
      <c r="B6" s="78"/>
      <c r="C6" s="78"/>
      <c r="D6" s="78"/>
      <c r="E6" s="80"/>
    </row>
    <row r="7" spans="1:5" ht="13.5" customHeight="1" x14ac:dyDescent="0.3">
      <c r="A7" s="29"/>
      <c r="B7" s="30" t="s">
        <v>52</v>
      </c>
      <c r="C7" s="30" t="s">
        <v>53</v>
      </c>
      <c r="D7" s="30" t="s">
        <v>54</v>
      </c>
      <c r="E7" s="31" t="s">
        <v>55</v>
      </c>
    </row>
    <row r="8" spans="1:5" ht="13.5" customHeight="1" x14ac:dyDescent="0.3">
      <c r="A8" s="32">
        <v>1</v>
      </c>
      <c r="B8" s="32" t="s">
        <v>51</v>
      </c>
      <c r="C8" s="32"/>
      <c r="D8" s="32"/>
      <c r="E8" s="33"/>
    </row>
    <row r="9" spans="1:5" ht="13.5" customHeight="1" x14ac:dyDescent="0.3">
      <c r="A9" s="32">
        <v>2</v>
      </c>
      <c r="B9" s="32" t="s">
        <v>51</v>
      </c>
      <c r="C9" s="32"/>
      <c r="D9" s="32"/>
      <c r="E9" s="33"/>
    </row>
    <row r="10" spans="1:5" ht="13.5" customHeight="1" x14ac:dyDescent="0.3">
      <c r="A10" s="77"/>
      <c r="B10" s="78"/>
      <c r="C10" s="78"/>
      <c r="D10" s="78"/>
      <c r="E10" s="78"/>
    </row>
    <row r="11" spans="1:5" ht="13.5" customHeight="1" x14ac:dyDescent="0.3">
      <c r="A11" s="96" t="s">
        <v>57</v>
      </c>
      <c r="B11" s="78"/>
      <c r="C11" s="78"/>
      <c r="D11" s="78"/>
      <c r="E11" s="80"/>
    </row>
    <row r="12" spans="1:5" ht="13.5" customHeight="1" x14ac:dyDescent="0.3">
      <c r="A12" s="29"/>
      <c r="B12" s="30" t="s">
        <v>52</v>
      </c>
      <c r="C12" s="30" t="s">
        <v>53</v>
      </c>
      <c r="D12" s="30" t="s">
        <v>54</v>
      </c>
      <c r="E12" s="31" t="s">
        <v>55</v>
      </c>
    </row>
    <row r="13" spans="1:5" ht="13.5" customHeight="1" x14ac:dyDescent="0.3">
      <c r="A13" s="32">
        <v>1</v>
      </c>
      <c r="B13" s="32" t="s">
        <v>57</v>
      </c>
      <c r="C13" s="32"/>
      <c r="D13" s="32"/>
      <c r="E13" s="33"/>
    </row>
    <row r="14" spans="1:5" ht="13.5" customHeight="1" x14ac:dyDescent="0.3">
      <c r="A14" s="32">
        <v>2</v>
      </c>
      <c r="B14" s="32" t="s">
        <v>57</v>
      </c>
      <c r="C14" s="32"/>
      <c r="D14" s="32"/>
      <c r="E14" s="33"/>
    </row>
    <row r="15" spans="1:5" ht="13.5" customHeight="1" x14ac:dyDescent="0.3">
      <c r="A15" s="77"/>
      <c r="B15" s="78"/>
      <c r="C15" s="78"/>
      <c r="D15" s="78"/>
      <c r="E15" s="78"/>
    </row>
    <row r="16" spans="1:5" ht="13.5" customHeight="1" x14ac:dyDescent="0.3">
      <c r="A16" s="96" t="s">
        <v>58</v>
      </c>
      <c r="B16" s="78"/>
      <c r="C16" s="78"/>
      <c r="D16" s="78"/>
      <c r="E16" s="80"/>
    </row>
    <row r="17" spans="1:5" ht="13.5" customHeight="1" x14ac:dyDescent="0.3">
      <c r="A17" s="29"/>
      <c r="B17" s="30" t="s">
        <v>52</v>
      </c>
      <c r="C17" s="30" t="s">
        <v>53</v>
      </c>
      <c r="D17" s="30" t="s">
        <v>54</v>
      </c>
      <c r="E17" s="31" t="s">
        <v>55</v>
      </c>
    </row>
    <row r="18" spans="1:5" ht="13.5" customHeight="1" x14ac:dyDescent="0.3">
      <c r="A18" s="32">
        <v>1</v>
      </c>
      <c r="B18" s="32" t="s">
        <v>58</v>
      </c>
      <c r="C18" s="32"/>
      <c r="D18" s="32"/>
      <c r="E18" s="33"/>
    </row>
    <row r="19" spans="1:5" ht="13.5" customHeight="1" x14ac:dyDescent="0.3">
      <c r="A19" s="32">
        <v>2</v>
      </c>
      <c r="B19" s="32" t="s">
        <v>58</v>
      </c>
      <c r="C19" s="32"/>
      <c r="D19" s="32"/>
      <c r="E19" s="33"/>
    </row>
    <row r="20" spans="1:5" ht="13.5" customHeight="1" x14ac:dyDescent="0.3">
      <c r="A20" s="77"/>
      <c r="B20" s="78"/>
      <c r="C20" s="78"/>
      <c r="D20" s="78"/>
      <c r="E20" s="78"/>
    </row>
    <row r="21" spans="1:5" ht="13.5" customHeight="1" x14ac:dyDescent="0.3">
      <c r="A21" s="96" t="s">
        <v>59</v>
      </c>
      <c r="B21" s="78"/>
      <c r="C21" s="78"/>
      <c r="D21" s="78"/>
      <c r="E21" s="80"/>
    </row>
    <row r="22" spans="1:5" ht="13.5" customHeight="1" x14ac:dyDescent="0.3">
      <c r="A22" s="29"/>
      <c r="B22" s="30" t="s">
        <v>52</v>
      </c>
      <c r="C22" s="30" t="s">
        <v>53</v>
      </c>
      <c r="D22" s="30" t="s">
        <v>54</v>
      </c>
      <c r="E22" s="31" t="s">
        <v>55</v>
      </c>
    </row>
    <row r="23" spans="1:5" ht="13.5" customHeight="1" x14ac:dyDescent="0.3">
      <c r="A23" s="32">
        <v>1</v>
      </c>
      <c r="B23" s="32" t="s">
        <v>59</v>
      </c>
      <c r="C23" s="32"/>
      <c r="D23" s="32"/>
      <c r="E23" s="33"/>
    </row>
    <row r="24" spans="1:5" ht="13.5" customHeight="1" x14ac:dyDescent="0.3">
      <c r="A24" s="32">
        <v>2</v>
      </c>
      <c r="B24" s="32" t="s">
        <v>59</v>
      </c>
      <c r="C24" s="32"/>
      <c r="D24" s="32"/>
      <c r="E24" s="33"/>
    </row>
    <row r="25" spans="1:5" ht="13.5" customHeight="1" x14ac:dyDescent="0.3">
      <c r="A25" s="77"/>
      <c r="B25" s="78"/>
      <c r="C25" s="78"/>
      <c r="D25" s="78"/>
      <c r="E25" s="78"/>
    </row>
    <row r="26" spans="1:5" ht="13.5" customHeight="1" x14ac:dyDescent="0.3">
      <c r="A26" s="96" t="s">
        <v>60</v>
      </c>
      <c r="B26" s="78"/>
      <c r="C26" s="78"/>
      <c r="D26" s="78"/>
      <c r="E26" s="80"/>
    </row>
    <row r="27" spans="1:5" ht="13.5" customHeight="1" x14ac:dyDescent="0.3">
      <c r="A27" s="29"/>
      <c r="B27" s="30" t="s">
        <v>52</v>
      </c>
      <c r="C27" s="30" t="s">
        <v>53</v>
      </c>
      <c r="D27" s="30" t="s">
        <v>54</v>
      </c>
      <c r="E27" s="31" t="s">
        <v>55</v>
      </c>
    </row>
    <row r="28" spans="1:5" ht="13.5" customHeight="1" x14ac:dyDescent="0.3">
      <c r="A28" s="32">
        <v>1</v>
      </c>
      <c r="B28" s="32" t="s">
        <v>60</v>
      </c>
      <c r="C28" s="32"/>
      <c r="D28" s="32"/>
      <c r="E28" s="33"/>
    </row>
    <row r="29" spans="1:5" ht="13.5" customHeight="1" x14ac:dyDescent="0.3">
      <c r="A29" s="32">
        <v>2</v>
      </c>
      <c r="B29" s="32" t="s">
        <v>60</v>
      </c>
      <c r="C29" s="32"/>
      <c r="D29" s="32"/>
      <c r="E29" s="33"/>
    </row>
    <row r="30" spans="1:5" ht="13.5" customHeight="1" x14ac:dyDescent="0.3">
      <c r="A30" s="77"/>
      <c r="B30" s="78"/>
      <c r="C30" s="78"/>
      <c r="D30" s="78"/>
      <c r="E30" s="78"/>
    </row>
    <row r="31" spans="1:5" ht="13.5" customHeight="1" x14ac:dyDescent="0.3">
      <c r="A31" s="96" t="s">
        <v>61</v>
      </c>
      <c r="B31" s="78"/>
      <c r="C31" s="78"/>
      <c r="D31" s="78"/>
      <c r="E31" s="80"/>
    </row>
    <row r="32" spans="1:5" ht="13.5" customHeight="1" x14ac:dyDescent="0.3">
      <c r="A32" s="29"/>
      <c r="B32" s="30" t="s">
        <v>52</v>
      </c>
      <c r="C32" s="30" t="s">
        <v>53</v>
      </c>
      <c r="D32" s="30" t="s">
        <v>54</v>
      </c>
      <c r="E32" s="31" t="s">
        <v>55</v>
      </c>
    </row>
    <row r="33" spans="1:5" ht="13.5" customHeight="1" x14ac:dyDescent="0.3">
      <c r="A33" s="32">
        <v>1</v>
      </c>
      <c r="B33" s="32" t="s">
        <v>61</v>
      </c>
      <c r="C33" s="32"/>
      <c r="D33" s="32"/>
      <c r="E33" s="33"/>
    </row>
    <row r="34" spans="1:5" ht="13.5" customHeight="1" x14ac:dyDescent="0.3">
      <c r="A34" s="32">
        <v>2</v>
      </c>
      <c r="B34" s="32" t="s">
        <v>61</v>
      </c>
      <c r="C34" s="32"/>
      <c r="D34" s="32"/>
      <c r="E34" s="33"/>
    </row>
    <row r="35" spans="1:5" ht="13.5" customHeight="1" x14ac:dyDescent="0.3">
      <c r="A35" s="77"/>
      <c r="B35" s="78"/>
      <c r="C35" s="78"/>
      <c r="D35" s="78"/>
      <c r="E35" s="78"/>
    </row>
    <row r="36" spans="1:5" ht="13.5" customHeight="1" x14ac:dyDescent="0.3">
      <c r="A36" s="96" t="s">
        <v>62</v>
      </c>
      <c r="B36" s="78"/>
      <c r="C36" s="78"/>
      <c r="D36" s="78"/>
      <c r="E36" s="80"/>
    </row>
    <row r="37" spans="1:5" ht="13.5" customHeight="1" x14ac:dyDescent="0.3">
      <c r="A37" s="29"/>
      <c r="B37" s="30" t="s">
        <v>52</v>
      </c>
      <c r="C37" s="30" t="s">
        <v>53</v>
      </c>
      <c r="D37" s="30" t="s">
        <v>54</v>
      </c>
      <c r="E37" s="31" t="s">
        <v>55</v>
      </c>
    </row>
    <row r="38" spans="1:5" ht="13.5" customHeight="1" x14ac:dyDescent="0.3">
      <c r="A38" s="32">
        <v>1</v>
      </c>
      <c r="B38" s="32" t="s">
        <v>62</v>
      </c>
      <c r="C38" s="32"/>
      <c r="D38" s="32"/>
      <c r="E38" s="33"/>
    </row>
    <row r="39" spans="1:5" ht="13.5" customHeight="1" x14ac:dyDescent="0.3">
      <c r="A39" s="32">
        <v>2</v>
      </c>
      <c r="B39" s="32" t="s">
        <v>62</v>
      </c>
      <c r="C39" s="32"/>
      <c r="D39" s="32"/>
      <c r="E39" s="33"/>
    </row>
    <row r="40" spans="1:5" ht="13.5" customHeight="1" x14ac:dyDescent="0.3">
      <c r="A40" s="77"/>
      <c r="B40" s="78"/>
      <c r="C40" s="78"/>
      <c r="D40" s="78"/>
      <c r="E40" s="78"/>
    </row>
    <row r="41" spans="1:5" ht="13.5" customHeight="1" x14ac:dyDescent="0.3">
      <c r="A41" s="96" t="s">
        <v>63</v>
      </c>
      <c r="B41" s="78"/>
      <c r="C41" s="78"/>
      <c r="D41" s="78"/>
      <c r="E41" s="80"/>
    </row>
    <row r="42" spans="1:5" ht="13.5" customHeight="1" x14ac:dyDescent="0.3">
      <c r="A42" s="29"/>
      <c r="B42" s="30" t="s">
        <v>52</v>
      </c>
      <c r="C42" s="30" t="s">
        <v>53</v>
      </c>
      <c r="D42" s="30" t="s">
        <v>54</v>
      </c>
      <c r="E42" s="31" t="s">
        <v>55</v>
      </c>
    </row>
    <row r="43" spans="1:5" ht="13.5" customHeight="1" x14ac:dyDescent="0.3">
      <c r="A43" s="32">
        <v>1</v>
      </c>
      <c r="B43" s="32" t="s">
        <v>63</v>
      </c>
      <c r="C43" s="32"/>
      <c r="D43" s="32"/>
      <c r="E43" s="33"/>
    </row>
    <row r="44" spans="1:5" ht="13.5" customHeight="1" x14ac:dyDescent="0.3">
      <c r="A44" s="32">
        <v>2</v>
      </c>
      <c r="B44" s="32" t="s">
        <v>63</v>
      </c>
      <c r="C44" s="32"/>
      <c r="D44" s="32"/>
      <c r="E44" s="33"/>
    </row>
    <row r="45" spans="1:5" ht="13.5" hidden="1" customHeight="1" x14ac:dyDescent="0.25">
      <c r="E45" s="37"/>
    </row>
    <row r="46" spans="1:5" ht="13.5" hidden="1" customHeight="1" x14ac:dyDescent="0.25">
      <c r="E46" s="37"/>
    </row>
    <row r="47" spans="1:5" ht="13.5" hidden="1" customHeight="1" x14ac:dyDescent="0.25">
      <c r="E47" s="37"/>
    </row>
    <row r="48" spans="1:5" ht="13.5" hidden="1" customHeight="1" x14ac:dyDescent="0.25">
      <c r="E48" s="37"/>
    </row>
    <row r="49" spans="5:5" ht="13.5" hidden="1" customHeight="1" x14ac:dyDescent="0.25">
      <c r="E49" s="37"/>
    </row>
    <row r="50" spans="5:5" ht="13.5" hidden="1" customHeight="1" x14ac:dyDescent="0.25">
      <c r="E50" s="37"/>
    </row>
    <row r="51" spans="5:5" ht="13.5" hidden="1" customHeight="1" x14ac:dyDescent="0.25">
      <c r="E51" s="37"/>
    </row>
    <row r="52" spans="5:5" ht="13.5" hidden="1" customHeight="1" x14ac:dyDescent="0.25">
      <c r="E52" s="37"/>
    </row>
    <row r="53" spans="5:5" ht="13.5" hidden="1" customHeight="1" x14ac:dyDescent="0.25">
      <c r="E53" s="37"/>
    </row>
    <row r="54" spans="5:5" ht="13.5" hidden="1" customHeight="1" x14ac:dyDescent="0.25">
      <c r="E54" s="37"/>
    </row>
    <row r="55" spans="5:5" ht="13.5" hidden="1" customHeight="1" x14ac:dyDescent="0.25">
      <c r="E55" s="37"/>
    </row>
    <row r="56" spans="5:5" ht="13.5" hidden="1" customHeight="1" x14ac:dyDescent="0.25">
      <c r="E56" s="37"/>
    </row>
    <row r="57" spans="5:5" ht="13.5" hidden="1" customHeight="1" x14ac:dyDescent="0.25">
      <c r="E57" s="37"/>
    </row>
    <row r="58" spans="5:5" ht="13.5" hidden="1" customHeight="1" x14ac:dyDescent="0.25">
      <c r="E58" s="37"/>
    </row>
    <row r="59" spans="5:5" ht="13.5" hidden="1" customHeight="1" x14ac:dyDescent="0.25">
      <c r="E59" s="37"/>
    </row>
    <row r="60" spans="5:5" ht="13.5" hidden="1" customHeight="1" x14ac:dyDescent="0.25">
      <c r="E60" s="37"/>
    </row>
    <row r="61" spans="5:5" ht="13.5" hidden="1" customHeight="1" x14ac:dyDescent="0.25">
      <c r="E61" s="37"/>
    </row>
    <row r="62" spans="5:5" ht="13.5" hidden="1" customHeight="1" x14ac:dyDescent="0.25">
      <c r="E62" s="37"/>
    </row>
    <row r="63" spans="5:5" ht="13.5" hidden="1" customHeight="1" x14ac:dyDescent="0.25">
      <c r="E63" s="37"/>
    </row>
    <row r="64" spans="5:5" ht="13.5" hidden="1" customHeight="1" x14ac:dyDescent="0.25">
      <c r="E64" s="37"/>
    </row>
    <row r="65" spans="5:5" ht="13.5" hidden="1" customHeight="1" x14ac:dyDescent="0.25">
      <c r="E65" s="37"/>
    </row>
    <row r="66" spans="5:5" ht="13.5" hidden="1" customHeight="1" x14ac:dyDescent="0.25">
      <c r="E66" s="37"/>
    </row>
    <row r="67" spans="5:5" ht="13.5" hidden="1" customHeight="1" x14ac:dyDescent="0.25">
      <c r="E67" s="37"/>
    </row>
    <row r="68" spans="5:5" ht="13.5" hidden="1" customHeight="1" x14ac:dyDescent="0.25">
      <c r="E68" s="37"/>
    </row>
    <row r="69" spans="5:5" ht="13.5" hidden="1" customHeight="1" x14ac:dyDescent="0.25">
      <c r="E69" s="37"/>
    </row>
    <row r="70" spans="5:5" ht="13.5" hidden="1" customHeight="1" x14ac:dyDescent="0.25">
      <c r="E70" s="37"/>
    </row>
    <row r="71" spans="5:5" ht="13.5" hidden="1" customHeight="1" x14ac:dyDescent="0.25">
      <c r="E71" s="37"/>
    </row>
    <row r="72" spans="5:5" ht="13.5" hidden="1" customHeight="1" x14ac:dyDescent="0.25">
      <c r="E72" s="37"/>
    </row>
    <row r="73" spans="5:5" ht="13.5" hidden="1" customHeight="1" x14ac:dyDescent="0.25">
      <c r="E73" s="37"/>
    </row>
    <row r="74" spans="5:5" ht="13.5" hidden="1" customHeight="1" x14ac:dyDescent="0.25">
      <c r="E74" s="37"/>
    </row>
    <row r="75" spans="5:5" ht="13.5" hidden="1" customHeight="1" x14ac:dyDescent="0.25">
      <c r="E75" s="37"/>
    </row>
    <row r="76" spans="5:5" ht="13.5" hidden="1" customHeight="1" x14ac:dyDescent="0.25">
      <c r="E76" s="37"/>
    </row>
    <row r="77" spans="5:5" ht="13.5" hidden="1" customHeight="1" x14ac:dyDescent="0.25">
      <c r="E77" s="37"/>
    </row>
    <row r="78" spans="5:5" ht="13.5" hidden="1" customHeight="1" x14ac:dyDescent="0.25">
      <c r="E78" s="37"/>
    </row>
    <row r="79" spans="5:5" ht="13.5" hidden="1" customHeight="1" x14ac:dyDescent="0.25">
      <c r="E79" s="37"/>
    </row>
    <row r="80" spans="5:5" ht="13.5" hidden="1" customHeight="1" x14ac:dyDescent="0.25">
      <c r="E80" s="37"/>
    </row>
    <row r="81" spans="5:5" ht="13.5" hidden="1" customHeight="1" x14ac:dyDescent="0.25">
      <c r="E81" s="37"/>
    </row>
    <row r="82" spans="5:5" ht="13.5" hidden="1" customHeight="1" x14ac:dyDescent="0.25">
      <c r="E82" s="37"/>
    </row>
    <row r="83" spans="5:5" ht="13.5" hidden="1" customHeight="1" x14ac:dyDescent="0.25">
      <c r="E83" s="37"/>
    </row>
    <row r="84" spans="5:5" ht="13.5" hidden="1" customHeight="1" x14ac:dyDescent="0.25">
      <c r="E84" s="37"/>
    </row>
    <row r="85" spans="5:5" ht="13.5" hidden="1" customHeight="1" x14ac:dyDescent="0.25">
      <c r="E85" s="37"/>
    </row>
    <row r="86" spans="5:5" ht="13.5" hidden="1" customHeight="1" x14ac:dyDescent="0.25">
      <c r="E86" s="37"/>
    </row>
    <row r="87" spans="5:5" ht="13.5" hidden="1" customHeight="1" x14ac:dyDescent="0.25">
      <c r="E87" s="37"/>
    </row>
    <row r="88" spans="5:5" ht="13.5" hidden="1" customHeight="1" x14ac:dyDescent="0.25">
      <c r="E88" s="37"/>
    </row>
    <row r="89" spans="5:5" ht="13.5" hidden="1" customHeight="1" x14ac:dyDescent="0.25">
      <c r="E89" s="37"/>
    </row>
    <row r="90" spans="5:5" ht="13.5" hidden="1" customHeight="1" x14ac:dyDescent="0.25">
      <c r="E90" s="37"/>
    </row>
    <row r="91" spans="5:5" ht="13.5" hidden="1" customHeight="1" x14ac:dyDescent="0.25">
      <c r="E91" s="37"/>
    </row>
    <row r="92" spans="5:5" ht="13.5" hidden="1" customHeight="1" x14ac:dyDescent="0.25">
      <c r="E92" s="37"/>
    </row>
    <row r="93" spans="5:5" ht="13.5" hidden="1" customHeight="1" x14ac:dyDescent="0.25">
      <c r="E93" s="37"/>
    </row>
    <row r="94" spans="5:5" ht="13.5" hidden="1" customHeight="1" x14ac:dyDescent="0.25">
      <c r="E94" s="37"/>
    </row>
    <row r="95" spans="5:5" ht="13.5" hidden="1" customHeight="1" x14ac:dyDescent="0.25">
      <c r="E95" s="37"/>
    </row>
    <row r="96" spans="5:5" ht="13.5" hidden="1" customHeight="1" x14ac:dyDescent="0.25">
      <c r="E96" s="37"/>
    </row>
    <row r="97" spans="5:5" ht="13.5" hidden="1" customHeight="1" x14ac:dyDescent="0.25">
      <c r="E97" s="37"/>
    </row>
    <row r="98" spans="5:5" ht="13.5" hidden="1" customHeight="1" x14ac:dyDescent="0.25">
      <c r="E98" s="37"/>
    </row>
    <row r="99" spans="5:5" ht="13.5" hidden="1" customHeight="1" x14ac:dyDescent="0.25">
      <c r="E99" s="37"/>
    </row>
    <row r="100" spans="5:5" ht="13.5" hidden="1" customHeight="1" x14ac:dyDescent="0.25">
      <c r="E100" s="37"/>
    </row>
    <row r="101" spans="5:5" ht="13.5" hidden="1" customHeight="1" x14ac:dyDescent="0.25">
      <c r="E101" s="37"/>
    </row>
    <row r="102" spans="5:5" ht="13.5" hidden="1" customHeight="1" x14ac:dyDescent="0.25">
      <c r="E102" s="37"/>
    </row>
    <row r="103" spans="5:5" ht="13.5" hidden="1" customHeight="1" x14ac:dyDescent="0.25">
      <c r="E103" s="37"/>
    </row>
    <row r="104" spans="5:5" ht="13.5" hidden="1" customHeight="1" x14ac:dyDescent="0.25">
      <c r="E104" s="37"/>
    </row>
    <row r="105" spans="5:5" ht="13.5" hidden="1" customHeight="1" x14ac:dyDescent="0.25">
      <c r="E105" s="37"/>
    </row>
    <row r="106" spans="5:5" ht="13.5" hidden="1" customHeight="1" x14ac:dyDescent="0.25">
      <c r="E106" s="37"/>
    </row>
    <row r="107" spans="5:5" ht="13.5" hidden="1" customHeight="1" x14ac:dyDescent="0.25">
      <c r="E107" s="37"/>
    </row>
    <row r="108" spans="5:5" ht="13.5" hidden="1" customHeight="1" x14ac:dyDescent="0.25">
      <c r="E108" s="37"/>
    </row>
    <row r="109" spans="5:5" ht="13.5" hidden="1" customHeight="1" x14ac:dyDescent="0.25">
      <c r="E109" s="37"/>
    </row>
    <row r="110" spans="5:5" ht="13.5" hidden="1" customHeight="1" x14ac:dyDescent="0.25">
      <c r="E110" s="37"/>
    </row>
    <row r="111" spans="5:5" ht="13.5" hidden="1" customHeight="1" x14ac:dyDescent="0.25">
      <c r="E111" s="37"/>
    </row>
    <row r="112" spans="5:5" ht="13.5" hidden="1" customHeight="1" x14ac:dyDescent="0.25">
      <c r="E112" s="37"/>
    </row>
    <row r="113" spans="5:5" ht="13.5" hidden="1" customHeight="1" x14ac:dyDescent="0.25">
      <c r="E113" s="37"/>
    </row>
    <row r="114" spans="5:5" ht="13.5" hidden="1" customHeight="1" x14ac:dyDescent="0.25">
      <c r="E114" s="37"/>
    </row>
    <row r="115" spans="5:5" ht="13.5" hidden="1" customHeight="1" x14ac:dyDescent="0.25">
      <c r="E115" s="37"/>
    </row>
    <row r="116" spans="5:5" ht="13.5" hidden="1" customHeight="1" x14ac:dyDescent="0.25">
      <c r="E116" s="37"/>
    </row>
    <row r="117" spans="5:5" ht="13.5" hidden="1" customHeight="1" x14ac:dyDescent="0.25">
      <c r="E117" s="37"/>
    </row>
    <row r="118" spans="5:5" ht="13.5" hidden="1" customHeight="1" x14ac:dyDescent="0.25">
      <c r="E118" s="37"/>
    </row>
    <row r="119" spans="5:5" ht="13.5" hidden="1" customHeight="1" x14ac:dyDescent="0.25">
      <c r="E119" s="37"/>
    </row>
    <row r="120" spans="5:5" ht="13.5" hidden="1" customHeight="1" x14ac:dyDescent="0.25">
      <c r="E120" s="37"/>
    </row>
    <row r="121" spans="5:5" ht="13.5" hidden="1" customHeight="1" x14ac:dyDescent="0.25">
      <c r="E121" s="37"/>
    </row>
    <row r="122" spans="5:5" ht="13.5" hidden="1" customHeight="1" x14ac:dyDescent="0.25">
      <c r="E122" s="37"/>
    </row>
    <row r="123" spans="5:5" ht="13.5" hidden="1" customHeight="1" x14ac:dyDescent="0.25">
      <c r="E123" s="37"/>
    </row>
    <row r="124" spans="5:5" ht="13.5" hidden="1" customHeight="1" x14ac:dyDescent="0.25">
      <c r="E124" s="37"/>
    </row>
    <row r="125" spans="5:5" ht="13.5" hidden="1" customHeight="1" x14ac:dyDescent="0.25">
      <c r="E125" s="37"/>
    </row>
    <row r="126" spans="5:5" ht="13.5" hidden="1" customHeight="1" x14ac:dyDescent="0.25">
      <c r="E126" s="37"/>
    </row>
    <row r="127" spans="5:5" ht="13.5" hidden="1" customHeight="1" x14ac:dyDescent="0.25">
      <c r="E127" s="37"/>
    </row>
    <row r="128" spans="5:5" ht="13.5" hidden="1" customHeight="1" x14ac:dyDescent="0.25">
      <c r="E128" s="37"/>
    </row>
    <row r="129" spans="5:5" ht="13.5" hidden="1" customHeight="1" x14ac:dyDescent="0.25">
      <c r="E129" s="37"/>
    </row>
    <row r="130" spans="5:5" ht="13.5" hidden="1" customHeight="1" x14ac:dyDescent="0.25">
      <c r="E130" s="37"/>
    </row>
    <row r="131" spans="5:5" ht="13.5" hidden="1" customHeight="1" x14ac:dyDescent="0.25">
      <c r="E131" s="37"/>
    </row>
    <row r="132" spans="5:5" ht="13.5" hidden="1" customHeight="1" x14ac:dyDescent="0.25">
      <c r="E132" s="37"/>
    </row>
    <row r="133" spans="5:5" ht="13.5" hidden="1" customHeight="1" x14ac:dyDescent="0.25">
      <c r="E133" s="37"/>
    </row>
    <row r="134" spans="5:5" ht="13.5" hidden="1" customHeight="1" x14ac:dyDescent="0.25">
      <c r="E134" s="37"/>
    </row>
    <row r="135" spans="5:5" ht="13.5" hidden="1" customHeight="1" x14ac:dyDescent="0.25">
      <c r="E135" s="37"/>
    </row>
    <row r="136" spans="5:5" ht="13.5" hidden="1" customHeight="1" x14ac:dyDescent="0.25">
      <c r="E136" s="37"/>
    </row>
    <row r="137" spans="5:5" ht="13.5" hidden="1" customHeight="1" x14ac:dyDescent="0.25">
      <c r="E137" s="37"/>
    </row>
    <row r="138" spans="5:5" ht="13.5" hidden="1" customHeight="1" x14ac:dyDescent="0.25">
      <c r="E138" s="37"/>
    </row>
    <row r="139" spans="5:5" ht="13.5" hidden="1" customHeight="1" x14ac:dyDescent="0.25">
      <c r="E139" s="37"/>
    </row>
    <row r="140" spans="5:5" ht="13.5" hidden="1" customHeight="1" x14ac:dyDescent="0.25">
      <c r="E140" s="37"/>
    </row>
    <row r="141" spans="5:5" ht="13.5" hidden="1" customHeight="1" x14ac:dyDescent="0.25">
      <c r="E141" s="37"/>
    </row>
    <row r="142" spans="5:5" ht="13.5" hidden="1" customHeight="1" x14ac:dyDescent="0.25">
      <c r="E142" s="37"/>
    </row>
    <row r="143" spans="5:5" ht="13.5" hidden="1" customHeight="1" x14ac:dyDescent="0.25">
      <c r="E143" s="37"/>
    </row>
    <row r="144" spans="5:5" ht="13.5" hidden="1" customHeight="1" x14ac:dyDescent="0.25">
      <c r="E144" s="37"/>
    </row>
    <row r="145" spans="5:5" ht="13.5" hidden="1" customHeight="1" x14ac:dyDescent="0.25">
      <c r="E145" s="37"/>
    </row>
    <row r="146" spans="5:5" ht="13.5" hidden="1" customHeight="1" x14ac:dyDescent="0.25">
      <c r="E146" s="37"/>
    </row>
    <row r="147" spans="5:5" ht="13.5" hidden="1" customHeight="1" x14ac:dyDescent="0.25">
      <c r="E147" s="37"/>
    </row>
    <row r="148" spans="5:5" ht="13.5" hidden="1" customHeight="1" x14ac:dyDescent="0.25">
      <c r="E148" s="37"/>
    </row>
    <row r="149" spans="5:5" ht="13.5" hidden="1" customHeight="1" x14ac:dyDescent="0.25">
      <c r="E149" s="37"/>
    </row>
    <row r="150" spans="5:5" ht="13.5" hidden="1" customHeight="1" x14ac:dyDescent="0.25">
      <c r="E150" s="37"/>
    </row>
    <row r="151" spans="5:5" ht="13.5" hidden="1" customHeight="1" x14ac:dyDescent="0.25">
      <c r="E151" s="37"/>
    </row>
    <row r="152" spans="5:5" ht="13.5" hidden="1" customHeight="1" x14ac:dyDescent="0.25">
      <c r="E152" s="37"/>
    </row>
    <row r="153" spans="5:5" ht="13.5" hidden="1" customHeight="1" x14ac:dyDescent="0.25">
      <c r="E153" s="37"/>
    </row>
    <row r="154" spans="5:5" ht="13.5" hidden="1" customHeight="1" x14ac:dyDescent="0.25">
      <c r="E154" s="37"/>
    </row>
    <row r="155" spans="5:5" ht="13.5" hidden="1" customHeight="1" x14ac:dyDescent="0.25">
      <c r="E155" s="37"/>
    </row>
    <row r="156" spans="5:5" ht="13.5" hidden="1" customHeight="1" x14ac:dyDescent="0.25">
      <c r="E156" s="37"/>
    </row>
    <row r="157" spans="5:5" ht="13.5" hidden="1" customHeight="1" x14ac:dyDescent="0.25">
      <c r="E157" s="37"/>
    </row>
    <row r="158" spans="5:5" ht="13.5" hidden="1" customHeight="1" x14ac:dyDescent="0.25">
      <c r="E158" s="37"/>
    </row>
    <row r="159" spans="5:5" ht="13.5" hidden="1" customHeight="1" x14ac:dyDescent="0.25">
      <c r="E159" s="37"/>
    </row>
    <row r="160" spans="5:5" ht="13.5" hidden="1" customHeight="1" x14ac:dyDescent="0.25">
      <c r="E160" s="37"/>
    </row>
    <row r="161" spans="5:5" ht="13.5" hidden="1" customHeight="1" x14ac:dyDescent="0.25">
      <c r="E161" s="37"/>
    </row>
    <row r="162" spans="5:5" ht="13.5" hidden="1" customHeight="1" x14ac:dyDescent="0.25">
      <c r="E162" s="37"/>
    </row>
    <row r="163" spans="5:5" ht="13.5" hidden="1" customHeight="1" x14ac:dyDescent="0.25">
      <c r="E163" s="37"/>
    </row>
    <row r="164" spans="5:5" ht="13.5" hidden="1" customHeight="1" x14ac:dyDescent="0.25">
      <c r="E164" s="37"/>
    </row>
    <row r="165" spans="5:5" ht="13.5" hidden="1" customHeight="1" x14ac:dyDescent="0.25">
      <c r="E165" s="37"/>
    </row>
    <row r="166" spans="5:5" ht="13.5" hidden="1" customHeight="1" x14ac:dyDescent="0.25">
      <c r="E166" s="37"/>
    </row>
    <row r="167" spans="5:5" ht="13.5" hidden="1" customHeight="1" x14ac:dyDescent="0.25">
      <c r="E167" s="37"/>
    </row>
    <row r="168" spans="5:5" ht="13.5" hidden="1" customHeight="1" x14ac:dyDescent="0.25">
      <c r="E168" s="37"/>
    </row>
    <row r="169" spans="5:5" ht="13.5" hidden="1" customHeight="1" x14ac:dyDescent="0.25">
      <c r="E169" s="37"/>
    </row>
    <row r="170" spans="5:5" ht="13.5" hidden="1" customHeight="1" x14ac:dyDescent="0.25">
      <c r="E170" s="37"/>
    </row>
    <row r="171" spans="5:5" ht="13.5" hidden="1" customHeight="1" x14ac:dyDescent="0.25">
      <c r="E171" s="37"/>
    </row>
    <row r="172" spans="5:5" ht="13.5" hidden="1" customHeight="1" x14ac:dyDescent="0.25">
      <c r="E172" s="37"/>
    </row>
    <row r="173" spans="5:5" ht="13.5" hidden="1" customHeight="1" x14ac:dyDescent="0.25">
      <c r="E173" s="37"/>
    </row>
    <row r="174" spans="5:5" ht="13.5" hidden="1" customHeight="1" x14ac:dyDescent="0.25">
      <c r="E174" s="37"/>
    </row>
    <row r="175" spans="5:5" ht="13.5" hidden="1" customHeight="1" x14ac:dyDescent="0.25">
      <c r="E175" s="37"/>
    </row>
    <row r="176" spans="5:5" ht="13.5" hidden="1" customHeight="1" x14ac:dyDescent="0.25">
      <c r="E176" s="37"/>
    </row>
    <row r="177" spans="5:5" ht="13.5" hidden="1" customHeight="1" x14ac:dyDescent="0.25">
      <c r="E177" s="37"/>
    </row>
    <row r="178" spans="5:5" ht="13.5" hidden="1" customHeight="1" x14ac:dyDescent="0.25">
      <c r="E178" s="37"/>
    </row>
    <row r="179" spans="5:5" ht="13.5" hidden="1" customHeight="1" x14ac:dyDescent="0.25">
      <c r="E179" s="37"/>
    </row>
    <row r="180" spans="5:5" ht="13.5" hidden="1" customHeight="1" x14ac:dyDescent="0.25">
      <c r="E180" s="37"/>
    </row>
    <row r="181" spans="5:5" ht="13.5" hidden="1" customHeight="1" x14ac:dyDescent="0.25">
      <c r="E181" s="37"/>
    </row>
    <row r="182" spans="5:5" ht="13.5" hidden="1" customHeight="1" x14ac:dyDescent="0.25">
      <c r="E182" s="37"/>
    </row>
    <row r="183" spans="5:5" ht="13.5" hidden="1" customHeight="1" x14ac:dyDescent="0.25">
      <c r="E183" s="37"/>
    </row>
    <row r="184" spans="5:5" ht="13.5" hidden="1" customHeight="1" x14ac:dyDescent="0.25">
      <c r="E184" s="37"/>
    </row>
    <row r="185" spans="5:5" ht="13.5" hidden="1" customHeight="1" x14ac:dyDescent="0.25">
      <c r="E185" s="37"/>
    </row>
    <row r="186" spans="5:5" ht="13.5" hidden="1" customHeight="1" x14ac:dyDescent="0.25">
      <c r="E186" s="37"/>
    </row>
    <row r="187" spans="5:5" ht="13.5" hidden="1" customHeight="1" x14ac:dyDescent="0.25">
      <c r="E187" s="37"/>
    </row>
    <row r="188" spans="5:5" ht="13.5" hidden="1" customHeight="1" x14ac:dyDescent="0.25">
      <c r="E188" s="37"/>
    </row>
    <row r="189" spans="5:5" ht="13.5" hidden="1" customHeight="1" x14ac:dyDescent="0.25">
      <c r="E189" s="37"/>
    </row>
    <row r="190" spans="5:5" ht="13.5" hidden="1" customHeight="1" x14ac:dyDescent="0.25">
      <c r="E190" s="37"/>
    </row>
    <row r="191" spans="5:5" ht="13.5" hidden="1" customHeight="1" x14ac:dyDescent="0.25">
      <c r="E191" s="37"/>
    </row>
    <row r="192" spans="5:5" ht="13.5" hidden="1" customHeight="1" x14ac:dyDescent="0.25">
      <c r="E192" s="37"/>
    </row>
    <row r="193" spans="5:5" ht="13.5" hidden="1" customHeight="1" x14ac:dyDescent="0.25">
      <c r="E193" s="37"/>
    </row>
    <row r="194" spans="5:5" ht="13.5" hidden="1" customHeight="1" x14ac:dyDescent="0.25">
      <c r="E194" s="37"/>
    </row>
    <row r="195" spans="5:5" ht="13.5" hidden="1" customHeight="1" x14ac:dyDescent="0.25">
      <c r="E195" s="37"/>
    </row>
    <row r="196" spans="5:5" ht="13.5" hidden="1" customHeight="1" x14ac:dyDescent="0.25">
      <c r="E196" s="37"/>
    </row>
    <row r="197" spans="5:5" ht="13.5" hidden="1" customHeight="1" x14ac:dyDescent="0.25">
      <c r="E197" s="37"/>
    </row>
    <row r="198" spans="5:5" ht="13.5" hidden="1" customHeight="1" x14ac:dyDescent="0.25">
      <c r="E198" s="37"/>
    </row>
    <row r="199" spans="5:5" ht="13.5" hidden="1" customHeight="1" x14ac:dyDescent="0.25">
      <c r="E199" s="37"/>
    </row>
    <row r="200" spans="5:5" ht="13.5" hidden="1" customHeight="1" x14ac:dyDescent="0.25">
      <c r="E200" s="37"/>
    </row>
    <row r="201" spans="5:5" ht="13.5" hidden="1" customHeight="1" x14ac:dyDescent="0.25">
      <c r="E201" s="37"/>
    </row>
    <row r="202" spans="5:5" ht="13.5" hidden="1" customHeight="1" x14ac:dyDescent="0.25">
      <c r="E202" s="37"/>
    </row>
    <row r="203" spans="5:5" ht="13.5" hidden="1" customHeight="1" x14ac:dyDescent="0.25">
      <c r="E203" s="37"/>
    </row>
    <row r="204" spans="5:5" ht="13.5" hidden="1" customHeight="1" x14ac:dyDescent="0.25">
      <c r="E204" s="37"/>
    </row>
    <row r="205" spans="5:5" ht="13.5" hidden="1" customHeight="1" x14ac:dyDescent="0.25">
      <c r="E205" s="37"/>
    </row>
    <row r="206" spans="5:5" ht="13.5" hidden="1" customHeight="1" x14ac:dyDescent="0.25">
      <c r="E206" s="37"/>
    </row>
    <row r="207" spans="5:5" ht="13.5" hidden="1" customHeight="1" x14ac:dyDescent="0.25">
      <c r="E207" s="37"/>
    </row>
    <row r="208" spans="5:5" ht="13.5" hidden="1" customHeight="1" x14ac:dyDescent="0.25">
      <c r="E208" s="37"/>
    </row>
    <row r="209" spans="5:5" ht="13.5" hidden="1" customHeight="1" x14ac:dyDescent="0.25">
      <c r="E209" s="37"/>
    </row>
    <row r="210" spans="5:5" ht="13.5" hidden="1" customHeight="1" x14ac:dyDescent="0.25">
      <c r="E210" s="37"/>
    </row>
    <row r="211" spans="5:5" ht="13.5" hidden="1" customHeight="1" x14ac:dyDescent="0.25">
      <c r="E211" s="37"/>
    </row>
    <row r="212" spans="5:5" ht="13.5" hidden="1" customHeight="1" x14ac:dyDescent="0.25">
      <c r="E212" s="37"/>
    </row>
    <row r="213" spans="5:5" ht="13.5" hidden="1" customHeight="1" x14ac:dyDescent="0.25">
      <c r="E213" s="37"/>
    </row>
    <row r="214" spans="5:5" ht="13.5" hidden="1" customHeight="1" x14ac:dyDescent="0.25">
      <c r="E214" s="37"/>
    </row>
    <row r="215" spans="5:5" ht="13.5" hidden="1" customHeight="1" x14ac:dyDescent="0.25">
      <c r="E215" s="37"/>
    </row>
    <row r="216" spans="5:5" ht="13.5" hidden="1" customHeight="1" x14ac:dyDescent="0.25">
      <c r="E216" s="37"/>
    </row>
    <row r="217" spans="5:5" ht="13.5" hidden="1" customHeight="1" x14ac:dyDescent="0.25">
      <c r="E217" s="37"/>
    </row>
    <row r="218" spans="5:5" ht="13.5" hidden="1" customHeight="1" x14ac:dyDescent="0.25">
      <c r="E218" s="37"/>
    </row>
    <row r="219" spans="5:5" ht="13.5" hidden="1" customHeight="1" x14ac:dyDescent="0.25">
      <c r="E219" s="37"/>
    </row>
    <row r="220" spans="5:5" ht="13.5" hidden="1" customHeight="1" x14ac:dyDescent="0.25">
      <c r="E220" s="37"/>
    </row>
    <row r="221" spans="5:5" ht="13.5" hidden="1" customHeight="1" x14ac:dyDescent="0.25">
      <c r="E221" s="37"/>
    </row>
    <row r="222" spans="5:5" ht="13.5" hidden="1" customHeight="1" x14ac:dyDescent="0.25">
      <c r="E222" s="37"/>
    </row>
    <row r="223" spans="5:5" ht="13.5" hidden="1" customHeight="1" x14ac:dyDescent="0.25">
      <c r="E223" s="37"/>
    </row>
    <row r="224" spans="5:5" ht="13.5" hidden="1" customHeight="1" x14ac:dyDescent="0.25">
      <c r="E224" s="37"/>
    </row>
    <row r="225" spans="5:5" ht="13.5" hidden="1" customHeight="1" x14ac:dyDescent="0.25">
      <c r="E225" s="37"/>
    </row>
    <row r="226" spans="5:5" ht="13.5" hidden="1" customHeight="1" x14ac:dyDescent="0.25">
      <c r="E226" s="37"/>
    </row>
    <row r="227" spans="5:5" ht="13.5" hidden="1" customHeight="1" x14ac:dyDescent="0.25">
      <c r="E227" s="37"/>
    </row>
    <row r="228" spans="5:5" ht="13.5" hidden="1" customHeight="1" x14ac:dyDescent="0.25">
      <c r="E228" s="37"/>
    </row>
    <row r="229" spans="5:5" ht="13.5" hidden="1" customHeight="1" x14ac:dyDescent="0.25">
      <c r="E229" s="37"/>
    </row>
    <row r="230" spans="5:5" ht="13.5" hidden="1" customHeight="1" x14ac:dyDescent="0.25">
      <c r="E230" s="37"/>
    </row>
    <row r="231" spans="5:5" ht="13.5" hidden="1" customHeight="1" x14ac:dyDescent="0.25">
      <c r="E231" s="37"/>
    </row>
    <row r="232" spans="5:5" ht="13.5" hidden="1" customHeight="1" x14ac:dyDescent="0.25">
      <c r="E232" s="37"/>
    </row>
    <row r="233" spans="5:5" ht="13.5" hidden="1" customHeight="1" x14ac:dyDescent="0.25">
      <c r="E233" s="37"/>
    </row>
    <row r="234" spans="5:5" ht="13.5" hidden="1" customHeight="1" x14ac:dyDescent="0.25">
      <c r="E234" s="37"/>
    </row>
    <row r="235" spans="5:5" ht="13.5" hidden="1" customHeight="1" x14ac:dyDescent="0.25">
      <c r="E235" s="37"/>
    </row>
    <row r="236" spans="5:5" ht="13.5" hidden="1" customHeight="1" x14ac:dyDescent="0.25">
      <c r="E236" s="37"/>
    </row>
    <row r="237" spans="5:5" ht="13.5" hidden="1" customHeight="1" x14ac:dyDescent="0.25">
      <c r="E237" s="37"/>
    </row>
    <row r="238" spans="5:5" ht="13.5" hidden="1" customHeight="1" x14ac:dyDescent="0.25">
      <c r="E238" s="37"/>
    </row>
    <row r="239" spans="5:5" ht="13.5" hidden="1" customHeight="1" x14ac:dyDescent="0.25">
      <c r="E239" s="37"/>
    </row>
    <row r="240" spans="5:5" ht="13.5" hidden="1" customHeight="1" x14ac:dyDescent="0.25">
      <c r="E240" s="37"/>
    </row>
    <row r="241" spans="5:5" ht="13.5" hidden="1" customHeight="1" x14ac:dyDescent="0.25">
      <c r="E241" s="37"/>
    </row>
    <row r="242" spans="5:5" ht="13.5" hidden="1" customHeight="1" x14ac:dyDescent="0.25">
      <c r="E242" s="37"/>
    </row>
    <row r="243" spans="5:5" ht="13.5" hidden="1" customHeight="1" x14ac:dyDescent="0.25">
      <c r="E243" s="37"/>
    </row>
    <row r="244" spans="5:5" ht="13.5" hidden="1" customHeight="1" x14ac:dyDescent="0.25">
      <c r="E244" s="37"/>
    </row>
    <row r="245" spans="5:5" ht="13.5" hidden="1" customHeight="1" x14ac:dyDescent="0.25">
      <c r="E245" s="37"/>
    </row>
    <row r="246" spans="5:5" ht="13.5" hidden="1" customHeight="1" x14ac:dyDescent="0.25">
      <c r="E246" s="37"/>
    </row>
    <row r="247" spans="5:5" ht="13.5" hidden="1" customHeight="1" x14ac:dyDescent="0.25">
      <c r="E247" s="37"/>
    </row>
    <row r="248" spans="5:5" ht="13.5" hidden="1" customHeight="1" x14ac:dyDescent="0.25">
      <c r="E248" s="37"/>
    </row>
    <row r="249" spans="5:5" ht="13.5" hidden="1" customHeight="1" x14ac:dyDescent="0.25">
      <c r="E249" s="37"/>
    </row>
    <row r="250" spans="5:5" ht="13.5" hidden="1" customHeight="1" x14ac:dyDescent="0.25">
      <c r="E250" s="37"/>
    </row>
    <row r="251" spans="5:5" ht="13.5" hidden="1" customHeight="1" x14ac:dyDescent="0.25">
      <c r="E251" s="37"/>
    </row>
    <row r="252" spans="5:5" ht="13.5" hidden="1" customHeight="1" x14ac:dyDescent="0.25">
      <c r="E252" s="37"/>
    </row>
    <row r="253" spans="5:5" ht="13.5" hidden="1" customHeight="1" x14ac:dyDescent="0.25">
      <c r="E253" s="37"/>
    </row>
    <row r="254" spans="5:5" ht="13.5" hidden="1" customHeight="1" x14ac:dyDescent="0.25">
      <c r="E254" s="37"/>
    </row>
    <row r="255" spans="5:5" ht="13.5" hidden="1" customHeight="1" x14ac:dyDescent="0.25">
      <c r="E255" s="37"/>
    </row>
    <row r="256" spans="5:5" ht="13.5" hidden="1" customHeight="1" x14ac:dyDescent="0.25">
      <c r="E256" s="37"/>
    </row>
    <row r="257" spans="5:5" ht="13.5" hidden="1" customHeight="1" x14ac:dyDescent="0.25">
      <c r="E257" s="37"/>
    </row>
    <row r="258" spans="5:5" ht="13.5" hidden="1" customHeight="1" x14ac:dyDescent="0.25">
      <c r="E258" s="37"/>
    </row>
    <row r="259" spans="5:5" ht="13.5" hidden="1" customHeight="1" x14ac:dyDescent="0.25">
      <c r="E259" s="37"/>
    </row>
    <row r="260" spans="5:5" ht="13.5" hidden="1" customHeight="1" x14ac:dyDescent="0.25">
      <c r="E260" s="37"/>
    </row>
    <row r="261" spans="5:5" ht="13.5" hidden="1" customHeight="1" x14ac:dyDescent="0.25">
      <c r="E261" s="37"/>
    </row>
    <row r="262" spans="5:5" ht="13.5" hidden="1" customHeight="1" x14ac:dyDescent="0.25">
      <c r="E262" s="37"/>
    </row>
    <row r="263" spans="5:5" ht="13.5" hidden="1" customHeight="1" x14ac:dyDescent="0.25">
      <c r="E263" s="37"/>
    </row>
    <row r="264" spans="5:5" ht="13.5" hidden="1" customHeight="1" x14ac:dyDescent="0.25">
      <c r="E264" s="37"/>
    </row>
    <row r="265" spans="5:5" ht="13.5" hidden="1" customHeight="1" x14ac:dyDescent="0.25">
      <c r="E265" s="37"/>
    </row>
    <row r="266" spans="5:5" ht="13.5" hidden="1" customHeight="1" x14ac:dyDescent="0.25">
      <c r="E266" s="37"/>
    </row>
    <row r="267" spans="5:5" ht="13.5" hidden="1" customHeight="1" x14ac:dyDescent="0.25">
      <c r="E267" s="37"/>
    </row>
    <row r="268" spans="5:5" ht="13.5" hidden="1" customHeight="1" x14ac:dyDescent="0.25">
      <c r="E268" s="37"/>
    </row>
    <row r="269" spans="5:5" ht="13.5" hidden="1" customHeight="1" x14ac:dyDescent="0.25">
      <c r="E269" s="37"/>
    </row>
    <row r="270" spans="5:5" ht="13.5" hidden="1" customHeight="1" x14ac:dyDescent="0.25">
      <c r="E270" s="37"/>
    </row>
    <row r="271" spans="5:5" ht="13.5" hidden="1" customHeight="1" x14ac:dyDescent="0.25">
      <c r="E271" s="37"/>
    </row>
    <row r="272" spans="5:5" ht="13.5" hidden="1" customHeight="1" x14ac:dyDescent="0.25">
      <c r="E272" s="37"/>
    </row>
    <row r="273" spans="5:5" ht="13.5" hidden="1" customHeight="1" x14ac:dyDescent="0.25">
      <c r="E273" s="37"/>
    </row>
    <row r="274" spans="5:5" ht="13.5" hidden="1" customHeight="1" x14ac:dyDescent="0.25">
      <c r="E274" s="37"/>
    </row>
    <row r="275" spans="5:5" ht="13.5" hidden="1" customHeight="1" x14ac:dyDescent="0.25">
      <c r="E275" s="37"/>
    </row>
    <row r="276" spans="5:5" ht="13.5" hidden="1" customHeight="1" x14ac:dyDescent="0.25">
      <c r="E276" s="37"/>
    </row>
    <row r="277" spans="5:5" ht="13.5" hidden="1" customHeight="1" x14ac:dyDescent="0.25">
      <c r="E277" s="37"/>
    </row>
    <row r="278" spans="5:5" ht="13.5" hidden="1" customHeight="1" x14ac:dyDescent="0.25">
      <c r="E278" s="37"/>
    </row>
    <row r="279" spans="5:5" ht="13.5" hidden="1" customHeight="1" x14ac:dyDescent="0.25">
      <c r="E279" s="37"/>
    </row>
    <row r="280" spans="5:5" ht="13.5" hidden="1" customHeight="1" x14ac:dyDescent="0.25">
      <c r="E280" s="37"/>
    </row>
    <row r="281" spans="5:5" ht="13.5" hidden="1" customHeight="1" x14ac:dyDescent="0.25">
      <c r="E281" s="37"/>
    </row>
    <row r="282" spans="5:5" ht="13.5" hidden="1" customHeight="1" x14ac:dyDescent="0.25">
      <c r="E282" s="37"/>
    </row>
    <row r="283" spans="5:5" ht="13.5" hidden="1" customHeight="1" x14ac:dyDescent="0.25">
      <c r="E283" s="37"/>
    </row>
    <row r="284" spans="5:5" ht="13.5" hidden="1" customHeight="1" x14ac:dyDescent="0.25">
      <c r="E284" s="37"/>
    </row>
    <row r="285" spans="5:5" ht="13.5" hidden="1" customHeight="1" x14ac:dyDescent="0.25">
      <c r="E285" s="37"/>
    </row>
    <row r="286" spans="5:5" ht="13.5" hidden="1" customHeight="1" x14ac:dyDescent="0.25">
      <c r="E286" s="37"/>
    </row>
    <row r="287" spans="5:5" ht="13.5" hidden="1" customHeight="1" x14ac:dyDescent="0.25">
      <c r="E287" s="37"/>
    </row>
    <row r="288" spans="5:5" ht="13.5" hidden="1" customHeight="1" x14ac:dyDescent="0.25">
      <c r="E288" s="37"/>
    </row>
    <row r="289" spans="5:5" ht="13.5" hidden="1" customHeight="1" x14ac:dyDescent="0.25">
      <c r="E289" s="37"/>
    </row>
    <row r="290" spans="5:5" ht="13.5" hidden="1" customHeight="1" x14ac:dyDescent="0.25">
      <c r="E290" s="37"/>
    </row>
    <row r="291" spans="5:5" ht="13.5" hidden="1" customHeight="1" x14ac:dyDescent="0.25">
      <c r="E291" s="37"/>
    </row>
    <row r="292" spans="5:5" ht="13.5" hidden="1" customHeight="1" x14ac:dyDescent="0.25">
      <c r="E292" s="37"/>
    </row>
    <row r="293" spans="5:5" ht="13.5" hidden="1" customHeight="1" x14ac:dyDescent="0.25">
      <c r="E293" s="37"/>
    </row>
    <row r="294" spans="5:5" ht="13.5" hidden="1" customHeight="1" x14ac:dyDescent="0.25">
      <c r="E294" s="37"/>
    </row>
    <row r="295" spans="5:5" ht="13.5" hidden="1" customHeight="1" x14ac:dyDescent="0.25">
      <c r="E295" s="37"/>
    </row>
    <row r="296" spans="5:5" ht="13.5" hidden="1" customHeight="1" x14ac:dyDescent="0.25">
      <c r="E296" s="37"/>
    </row>
    <row r="297" spans="5:5" ht="13.5" hidden="1" customHeight="1" x14ac:dyDescent="0.25">
      <c r="E297" s="37"/>
    </row>
    <row r="298" spans="5:5" ht="13.5" hidden="1" customHeight="1" x14ac:dyDescent="0.25">
      <c r="E298" s="37"/>
    </row>
    <row r="299" spans="5:5" ht="13.5" hidden="1" customHeight="1" x14ac:dyDescent="0.25">
      <c r="E299" s="37"/>
    </row>
    <row r="300" spans="5:5" ht="13.5" hidden="1" customHeight="1" x14ac:dyDescent="0.25">
      <c r="E300" s="37"/>
    </row>
    <row r="301" spans="5:5" ht="13.5" hidden="1" customHeight="1" x14ac:dyDescent="0.25">
      <c r="E301" s="37"/>
    </row>
    <row r="302" spans="5:5" ht="13.5" hidden="1" customHeight="1" x14ac:dyDescent="0.25">
      <c r="E302" s="37"/>
    </row>
    <row r="303" spans="5:5" ht="13.5" hidden="1" customHeight="1" x14ac:dyDescent="0.25">
      <c r="E303" s="37"/>
    </row>
    <row r="304" spans="5:5" ht="13.5" hidden="1" customHeight="1" x14ac:dyDescent="0.25">
      <c r="E304" s="37"/>
    </row>
    <row r="305" spans="5:5" ht="13.5" hidden="1" customHeight="1" x14ac:dyDescent="0.25">
      <c r="E305" s="37"/>
    </row>
    <row r="306" spans="5:5" ht="13.5" hidden="1" customHeight="1" x14ac:dyDescent="0.25">
      <c r="E306" s="37"/>
    </row>
    <row r="307" spans="5:5" ht="13.5" hidden="1" customHeight="1" x14ac:dyDescent="0.25">
      <c r="E307" s="37"/>
    </row>
    <row r="308" spans="5:5" ht="13.5" hidden="1" customHeight="1" x14ac:dyDescent="0.25">
      <c r="E308" s="37"/>
    </row>
    <row r="309" spans="5:5" ht="13.5" hidden="1" customHeight="1" x14ac:dyDescent="0.25">
      <c r="E309" s="37"/>
    </row>
    <row r="310" spans="5:5" ht="13.5" hidden="1" customHeight="1" x14ac:dyDescent="0.25">
      <c r="E310" s="37"/>
    </row>
    <row r="311" spans="5:5" ht="13.5" hidden="1" customHeight="1" x14ac:dyDescent="0.25">
      <c r="E311" s="37"/>
    </row>
    <row r="312" spans="5:5" ht="13.5" hidden="1" customHeight="1" x14ac:dyDescent="0.25">
      <c r="E312" s="37"/>
    </row>
    <row r="313" spans="5:5" ht="13.5" hidden="1" customHeight="1" x14ac:dyDescent="0.25">
      <c r="E313" s="37"/>
    </row>
    <row r="314" spans="5:5" ht="13.5" hidden="1" customHeight="1" x14ac:dyDescent="0.25">
      <c r="E314" s="37"/>
    </row>
    <row r="315" spans="5:5" ht="13.5" hidden="1" customHeight="1" x14ac:dyDescent="0.25">
      <c r="E315" s="37"/>
    </row>
    <row r="316" spans="5:5" ht="13.5" hidden="1" customHeight="1" x14ac:dyDescent="0.25">
      <c r="E316" s="37"/>
    </row>
    <row r="317" spans="5:5" ht="13.5" hidden="1" customHeight="1" x14ac:dyDescent="0.25">
      <c r="E317" s="37"/>
    </row>
    <row r="318" spans="5:5" ht="13.5" hidden="1" customHeight="1" x14ac:dyDescent="0.25">
      <c r="E318" s="37"/>
    </row>
    <row r="319" spans="5:5" ht="13.5" hidden="1" customHeight="1" x14ac:dyDescent="0.25">
      <c r="E319" s="37"/>
    </row>
    <row r="320" spans="5:5" ht="13.5" hidden="1" customHeight="1" x14ac:dyDescent="0.25">
      <c r="E320" s="37"/>
    </row>
    <row r="321" spans="5:5" ht="13.5" hidden="1" customHeight="1" x14ac:dyDescent="0.25">
      <c r="E321" s="37"/>
    </row>
    <row r="322" spans="5:5" ht="13.5" hidden="1" customHeight="1" x14ac:dyDescent="0.25">
      <c r="E322" s="37"/>
    </row>
    <row r="323" spans="5:5" ht="13.5" hidden="1" customHeight="1" x14ac:dyDescent="0.25">
      <c r="E323" s="37"/>
    </row>
    <row r="324" spans="5:5" ht="13.5" hidden="1" customHeight="1" x14ac:dyDescent="0.25">
      <c r="E324" s="37"/>
    </row>
    <row r="325" spans="5:5" ht="13.5" hidden="1" customHeight="1" x14ac:dyDescent="0.25">
      <c r="E325" s="37"/>
    </row>
    <row r="326" spans="5:5" ht="13.5" hidden="1" customHeight="1" x14ac:dyDescent="0.25">
      <c r="E326" s="37"/>
    </row>
    <row r="327" spans="5:5" ht="13.5" hidden="1" customHeight="1" x14ac:dyDescent="0.25">
      <c r="E327" s="37"/>
    </row>
    <row r="328" spans="5:5" ht="13.5" hidden="1" customHeight="1" x14ac:dyDescent="0.25">
      <c r="E328" s="37"/>
    </row>
    <row r="329" spans="5:5" ht="13.5" hidden="1" customHeight="1" x14ac:dyDescent="0.25">
      <c r="E329" s="37"/>
    </row>
    <row r="330" spans="5:5" ht="13.5" hidden="1" customHeight="1" x14ac:dyDescent="0.25">
      <c r="E330" s="37"/>
    </row>
    <row r="331" spans="5:5" ht="13.5" hidden="1" customHeight="1" x14ac:dyDescent="0.25">
      <c r="E331" s="37"/>
    </row>
    <row r="332" spans="5:5" ht="13.5" hidden="1" customHeight="1" x14ac:dyDescent="0.25">
      <c r="E332" s="37"/>
    </row>
    <row r="333" spans="5:5" ht="13.5" hidden="1" customHeight="1" x14ac:dyDescent="0.25">
      <c r="E333" s="37"/>
    </row>
    <row r="334" spans="5:5" ht="13.5" hidden="1" customHeight="1" x14ac:dyDescent="0.25">
      <c r="E334" s="37"/>
    </row>
    <row r="335" spans="5:5" ht="13.5" hidden="1" customHeight="1" x14ac:dyDescent="0.25">
      <c r="E335" s="37"/>
    </row>
    <row r="336" spans="5:5" ht="13.5" hidden="1" customHeight="1" x14ac:dyDescent="0.25">
      <c r="E336" s="37"/>
    </row>
    <row r="337" spans="5:5" ht="13.5" hidden="1" customHeight="1" x14ac:dyDescent="0.25">
      <c r="E337" s="37"/>
    </row>
    <row r="338" spans="5:5" ht="13.5" hidden="1" customHeight="1" x14ac:dyDescent="0.25">
      <c r="E338" s="37"/>
    </row>
    <row r="339" spans="5:5" ht="13.5" hidden="1" customHeight="1" x14ac:dyDescent="0.25">
      <c r="E339" s="37"/>
    </row>
    <row r="340" spans="5:5" ht="13.5" hidden="1" customHeight="1" x14ac:dyDescent="0.25">
      <c r="E340" s="37"/>
    </row>
    <row r="341" spans="5:5" ht="13.5" hidden="1" customHeight="1" x14ac:dyDescent="0.25">
      <c r="E341" s="37"/>
    </row>
    <row r="342" spans="5:5" ht="13.5" hidden="1" customHeight="1" x14ac:dyDescent="0.25">
      <c r="E342" s="37"/>
    </row>
    <row r="343" spans="5:5" ht="13.5" hidden="1" customHeight="1" x14ac:dyDescent="0.25">
      <c r="E343" s="37"/>
    </row>
    <row r="344" spans="5:5" ht="13.5" hidden="1" customHeight="1" x14ac:dyDescent="0.25">
      <c r="E344" s="37"/>
    </row>
    <row r="345" spans="5:5" ht="13.5" hidden="1" customHeight="1" x14ac:dyDescent="0.25">
      <c r="E345" s="37"/>
    </row>
    <row r="346" spans="5:5" ht="13.5" hidden="1" customHeight="1" x14ac:dyDescent="0.25">
      <c r="E346" s="37"/>
    </row>
    <row r="347" spans="5:5" ht="13.5" hidden="1" customHeight="1" x14ac:dyDescent="0.25">
      <c r="E347" s="37"/>
    </row>
    <row r="348" spans="5:5" ht="13.5" hidden="1" customHeight="1" x14ac:dyDescent="0.25">
      <c r="E348" s="37"/>
    </row>
    <row r="349" spans="5:5" ht="13.5" hidden="1" customHeight="1" x14ac:dyDescent="0.25">
      <c r="E349" s="37"/>
    </row>
    <row r="350" spans="5:5" ht="13.5" hidden="1" customHeight="1" x14ac:dyDescent="0.25">
      <c r="E350" s="37"/>
    </row>
    <row r="351" spans="5:5" ht="13.5" hidden="1" customHeight="1" x14ac:dyDescent="0.25">
      <c r="E351" s="37"/>
    </row>
    <row r="352" spans="5:5" ht="13.5" hidden="1" customHeight="1" x14ac:dyDescent="0.25">
      <c r="E352" s="37"/>
    </row>
    <row r="353" spans="5:5" ht="13.5" hidden="1" customHeight="1" x14ac:dyDescent="0.25">
      <c r="E353" s="37"/>
    </row>
    <row r="354" spans="5:5" ht="13.5" hidden="1" customHeight="1" x14ac:dyDescent="0.25">
      <c r="E354" s="37"/>
    </row>
    <row r="355" spans="5:5" ht="13.5" hidden="1" customHeight="1" x14ac:dyDescent="0.25">
      <c r="E355" s="37"/>
    </row>
    <row r="356" spans="5:5" ht="13.5" hidden="1" customHeight="1" x14ac:dyDescent="0.25">
      <c r="E356" s="37"/>
    </row>
    <row r="357" spans="5:5" ht="13.5" hidden="1" customHeight="1" x14ac:dyDescent="0.25">
      <c r="E357" s="37"/>
    </row>
    <row r="358" spans="5:5" ht="13.5" hidden="1" customHeight="1" x14ac:dyDescent="0.25">
      <c r="E358" s="37"/>
    </row>
    <row r="359" spans="5:5" ht="13.5" hidden="1" customHeight="1" x14ac:dyDescent="0.25">
      <c r="E359" s="37"/>
    </row>
    <row r="360" spans="5:5" ht="13.5" hidden="1" customHeight="1" x14ac:dyDescent="0.25">
      <c r="E360" s="37"/>
    </row>
    <row r="361" spans="5:5" ht="13.5" hidden="1" customHeight="1" x14ac:dyDescent="0.25">
      <c r="E361" s="37"/>
    </row>
    <row r="362" spans="5:5" ht="13.5" hidden="1" customHeight="1" x14ac:dyDescent="0.25">
      <c r="E362" s="37"/>
    </row>
    <row r="363" spans="5:5" ht="13.5" hidden="1" customHeight="1" x14ac:dyDescent="0.25">
      <c r="E363" s="37"/>
    </row>
    <row r="364" spans="5:5" ht="13.5" hidden="1" customHeight="1" x14ac:dyDescent="0.25">
      <c r="E364" s="37"/>
    </row>
    <row r="365" spans="5:5" ht="13.5" hidden="1" customHeight="1" x14ac:dyDescent="0.25">
      <c r="E365" s="37"/>
    </row>
    <row r="366" spans="5:5" ht="13.5" hidden="1" customHeight="1" x14ac:dyDescent="0.25">
      <c r="E366" s="37"/>
    </row>
    <row r="367" spans="5:5" ht="13.5" hidden="1" customHeight="1" x14ac:dyDescent="0.25">
      <c r="E367" s="37"/>
    </row>
    <row r="368" spans="5:5" ht="13.5" hidden="1" customHeight="1" x14ac:dyDescent="0.25">
      <c r="E368" s="37"/>
    </row>
    <row r="369" spans="5:5" ht="13.5" hidden="1" customHeight="1" x14ac:dyDescent="0.25">
      <c r="E369" s="37"/>
    </row>
    <row r="370" spans="5:5" ht="13.5" hidden="1" customHeight="1" x14ac:dyDescent="0.25">
      <c r="E370" s="37"/>
    </row>
    <row r="371" spans="5:5" ht="13.5" hidden="1" customHeight="1" x14ac:dyDescent="0.25">
      <c r="E371" s="37"/>
    </row>
    <row r="372" spans="5:5" ht="13.5" hidden="1" customHeight="1" x14ac:dyDescent="0.25">
      <c r="E372" s="37"/>
    </row>
    <row r="373" spans="5:5" ht="13.5" hidden="1" customHeight="1" x14ac:dyDescent="0.25">
      <c r="E373" s="37"/>
    </row>
    <row r="374" spans="5:5" ht="13.5" hidden="1" customHeight="1" x14ac:dyDescent="0.25">
      <c r="E374" s="37"/>
    </row>
    <row r="375" spans="5:5" ht="13.5" hidden="1" customHeight="1" x14ac:dyDescent="0.25">
      <c r="E375" s="37"/>
    </row>
    <row r="376" spans="5:5" ht="13.5" hidden="1" customHeight="1" x14ac:dyDescent="0.25">
      <c r="E376" s="37"/>
    </row>
    <row r="377" spans="5:5" ht="13.5" hidden="1" customHeight="1" x14ac:dyDescent="0.25">
      <c r="E377" s="37"/>
    </row>
    <row r="378" spans="5:5" ht="13.5" hidden="1" customHeight="1" x14ac:dyDescent="0.25">
      <c r="E378" s="37"/>
    </row>
    <row r="379" spans="5:5" ht="13.5" hidden="1" customHeight="1" x14ac:dyDescent="0.25">
      <c r="E379" s="37"/>
    </row>
    <row r="380" spans="5:5" ht="13.5" hidden="1" customHeight="1" x14ac:dyDescent="0.25">
      <c r="E380" s="37"/>
    </row>
    <row r="381" spans="5:5" ht="13.5" hidden="1" customHeight="1" x14ac:dyDescent="0.25">
      <c r="E381" s="37"/>
    </row>
    <row r="382" spans="5:5" ht="13.5" hidden="1" customHeight="1" x14ac:dyDescent="0.25">
      <c r="E382" s="37"/>
    </row>
    <row r="383" spans="5:5" ht="13.5" hidden="1" customHeight="1" x14ac:dyDescent="0.25">
      <c r="E383" s="37"/>
    </row>
    <row r="384" spans="5:5" ht="13.5" hidden="1" customHeight="1" x14ac:dyDescent="0.25">
      <c r="E384" s="37"/>
    </row>
    <row r="385" spans="5:5" ht="13.5" hidden="1" customHeight="1" x14ac:dyDescent="0.25">
      <c r="E385" s="37"/>
    </row>
    <row r="386" spans="5:5" ht="13.5" hidden="1" customHeight="1" x14ac:dyDescent="0.25">
      <c r="E386" s="37"/>
    </row>
    <row r="387" spans="5:5" ht="13.5" hidden="1" customHeight="1" x14ac:dyDescent="0.25">
      <c r="E387" s="37"/>
    </row>
    <row r="388" spans="5:5" ht="13.5" hidden="1" customHeight="1" x14ac:dyDescent="0.25">
      <c r="E388" s="37"/>
    </row>
    <row r="389" spans="5:5" ht="13.5" hidden="1" customHeight="1" x14ac:dyDescent="0.25">
      <c r="E389" s="37"/>
    </row>
    <row r="390" spans="5:5" ht="13.5" hidden="1" customHeight="1" x14ac:dyDescent="0.25">
      <c r="E390" s="37"/>
    </row>
    <row r="391" spans="5:5" ht="13.5" hidden="1" customHeight="1" x14ac:dyDescent="0.25">
      <c r="E391" s="37"/>
    </row>
    <row r="392" spans="5:5" ht="13.5" hidden="1" customHeight="1" x14ac:dyDescent="0.25">
      <c r="E392" s="37"/>
    </row>
    <row r="393" spans="5:5" ht="13.5" hidden="1" customHeight="1" x14ac:dyDescent="0.25">
      <c r="E393" s="37"/>
    </row>
    <row r="394" spans="5:5" ht="13.5" hidden="1" customHeight="1" x14ac:dyDescent="0.25">
      <c r="E394" s="37"/>
    </row>
    <row r="395" spans="5:5" ht="13.5" hidden="1" customHeight="1" x14ac:dyDescent="0.25">
      <c r="E395" s="37"/>
    </row>
    <row r="396" spans="5:5" ht="13.5" hidden="1" customHeight="1" x14ac:dyDescent="0.25">
      <c r="E396" s="37"/>
    </row>
    <row r="397" spans="5:5" ht="13.5" hidden="1" customHeight="1" x14ac:dyDescent="0.25">
      <c r="E397" s="37"/>
    </row>
    <row r="398" spans="5:5" ht="13.5" hidden="1" customHeight="1" x14ac:dyDescent="0.25">
      <c r="E398" s="37"/>
    </row>
    <row r="399" spans="5:5" ht="13.5" hidden="1" customHeight="1" x14ac:dyDescent="0.25">
      <c r="E399" s="37"/>
    </row>
    <row r="400" spans="5:5" ht="13.5" hidden="1" customHeight="1" x14ac:dyDescent="0.25">
      <c r="E400" s="37"/>
    </row>
    <row r="401" spans="5:5" ht="13.5" hidden="1" customHeight="1" x14ac:dyDescent="0.25">
      <c r="E401" s="37"/>
    </row>
    <row r="402" spans="5:5" ht="13.5" hidden="1" customHeight="1" x14ac:dyDescent="0.25">
      <c r="E402" s="37"/>
    </row>
    <row r="403" spans="5:5" ht="13.5" hidden="1" customHeight="1" x14ac:dyDescent="0.25">
      <c r="E403" s="37"/>
    </row>
    <row r="404" spans="5:5" ht="13.5" hidden="1" customHeight="1" x14ac:dyDescent="0.25">
      <c r="E404" s="37"/>
    </row>
    <row r="405" spans="5:5" ht="13.5" hidden="1" customHeight="1" x14ac:dyDescent="0.25">
      <c r="E405" s="37"/>
    </row>
    <row r="406" spans="5:5" ht="13.5" hidden="1" customHeight="1" x14ac:dyDescent="0.25">
      <c r="E406" s="37"/>
    </row>
    <row r="407" spans="5:5" ht="13.5" hidden="1" customHeight="1" x14ac:dyDescent="0.25">
      <c r="E407" s="37"/>
    </row>
    <row r="408" spans="5:5" ht="13.5" hidden="1" customHeight="1" x14ac:dyDescent="0.25">
      <c r="E408" s="37"/>
    </row>
    <row r="409" spans="5:5" ht="13.5" hidden="1" customHeight="1" x14ac:dyDescent="0.25">
      <c r="E409" s="37"/>
    </row>
    <row r="410" spans="5:5" ht="13.5" hidden="1" customHeight="1" x14ac:dyDescent="0.25">
      <c r="E410" s="37"/>
    </row>
    <row r="411" spans="5:5" ht="13.5" hidden="1" customHeight="1" x14ac:dyDescent="0.25">
      <c r="E411" s="37"/>
    </row>
    <row r="412" spans="5:5" ht="13.5" hidden="1" customHeight="1" x14ac:dyDescent="0.25">
      <c r="E412" s="37"/>
    </row>
    <row r="413" spans="5:5" ht="13.5" hidden="1" customHeight="1" x14ac:dyDescent="0.25">
      <c r="E413" s="37"/>
    </row>
    <row r="414" spans="5:5" ht="13.5" hidden="1" customHeight="1" x14ac:dyDescent="0.25">
      <c r="E414" s="37"/>
    </row>
    <row r="415" spans="5:5" ht="13.5" hidden="1" customHeight="1" x14ac:dyDescent="0.25">
      <c r="E415" s="37"/>
    </row>
    <row r="416" spans="5:5" ht="13.5" hidden="1" customHeight="1" x14ac:dyDescent="0.25">
      <c r="E416" s="37"/>
    </row>
    <row r="417" spans="5:5" ht="13.5" hidden="1" customHeight="1" x14ac:dyDescent="0.25">
      <c r="E417" s="37"/>
    </row>
    <row r="418" spans="5:5" ht="13.5" hidden="1" customHeight="1" x14ac:dyDescent="0.25">
      <c r="E418" s="37"/>
    </row>
    <row r="419" spans="5:5" ht="13.5" hidden="1" customHeight="1" x14ac:dyDescent="0.25">
      <c r="E419" s="37"/>
    </row>
    <row r="420" spans="5:5" ht="13.5" hidden="1" customHeight="1" x14ac:dyDescent="0.25">
      <c r="E420" s="37"/>
    </row>
    <row r="421" spans="5:5" ht="13.5" hidden="1" customHeight="1" x14ac:dyDescent="0.25">
      <c r="E421" s="37"/>
    </row>
    <row r="422" spans="5:5" ht="13.5" hidden="1" customHeight="1" x14ac:dyDescent="0.25">
      <c r="E422" s="37"/>
    </row>
    <row r="423" spans="5:5" ht="13.5" hidden="1" customHeight="1" x14ac:dyDescent="0.25">
      <c r="E423" s="37"/>
    </row>
    <row r="424" spans="5:5" ht="13.5" hidden="1" customHeight="1" x14ac:dyDescent="0.25">
      <c r="E424" s="37"/>
    </row>
    <row r="425" spans="5:5" ht="13.5" hidden="1" customHeight="1" x14ac:dyDescent="0.25">
      <c r="E425" s="37"/>
    </row>
    <row r="426" spans="5:5" ht="13.5" hidden="1" customHeight="1" x14ac:dyDescent="0.25">
      <c r="E426" s="37"/>
    </row>
    <row r="427" spans="5:5" ht="13.5" hidden="1" customHeight="1" x14ac:dyDescent="0.25">
      <c r="E427" s="37"/>
    </row>
    <row r="428" spans="5:5" ht="13.5" hidden="1" customHeight="1" x14ac:dyDescent="0.25">
      <c r="E428" s="37"/>
    </row>
    <row r="429" spans="5:5" ht="13.5" hidden="1" customHeight="1" x14ac:dyDescent="0.25">
      <c r="E429" s="37"/>
    </row>
    <row r="430" spans="5:5" ht="13.5" hidden="1" customHeight="1" x14ac:dyDescent="0.25">
      <c r="E430" s="37"/>
    </row>
    <row r="431" spans="5:5" ht="13.5" hidden="1" customHeight="1" x14ac:dyDescent="0.25">
      <c r="E431" s="37"/>
    </row>
    <row r="432" spans="5:5" ht="13.5" hidden="1" customHeight="1" x14ac:dyDescent="0.25">
      <c r="E432" s="37"/>
    </row>
    <row r="433" spans="5:5" ht="13.5" hidden="1" customHeight="1" x14ac:dyDescent="0.25">
      <c r="E433" s="37"/>
    </row>
    <row r="434" spans="5:5" ht="13.5" hidden="1" customHeight="1" x14ac:dyDescent="0.25">
      <c r="E434" s="37"/>
    </row>
    <row r="435" spans="5:5" ht="13.5" hidden="1" customHeight="1" x14ac:dyDescent="0.25">
      <c r="E435" s="37"/>
    </row>
    <row r="436" spans="5:5" ht="13.5" hidden="1" customHeight="1" x14ac:dyDescent="0.25">
      <c r="E436" s="37"/>
    </row>
    <row r="437" spans="5:5" ht="13.5" hidden="1" customHeight="1" x14ac:dyDescent="0.25">
      <c r="E437" s="37"/>
    </row>
    <row r="438" spans="5:5" ht="13.5" hidden="1" customHeight="1" x14ac:dyDescent="0.25">
      <c r="E438" s="37"/>
    </row>
    <row r="439" spans="5:5" ht="13.5" hidden="1" customHeight="1" x14ac:dyDescent="0.25">
      <c r="E439" s="37"/>
    </row>
    <row r="440" spans="5:5" ht="13.5" hidden="1" customHeight="1" x14ac:dyDescent="0.25">
      <c r="E440" s="37"/>
    </row>
    <row r="441" spans="5:5" ht="13.5" hidden="1" customHeight="1" x14ac:dyDescent="0.25">
      <c r="E441" s="37"/>
    </row>
    <row r="442" spans="5:5" ht="13.5" hidden="1" customHeight="1" x14ac:dyDescent="0.25">
      <c r="E442" s="37"/>
    </row>
    <row r="443" spans="5:5" ht="13.5" hidden="1" customHeight="1" x14ac:dyDescent="0.25">
      <c r="E443" s="37"/>
    </row>
    <row r="444" spans="5:5" ht="13.5" hidden="1" customHeight="1" x14ac:dyDescent="0.25">
      <c r="E444" s="37"/>
    </row>
    <row r="445" spans="5:5" ht="13.5" hidden="1" customHeight="1" x14ac:dyDescent="0.25">
      <c r="E445" s="37"/>
    </row>
    <row r="446" spans="5:5" ht="13.5" hidden="1" customHeight="1" x14ac:dyDescent="0.25">
      <c r="E446" s="37"/>
    </row>
    <row r="447" spans="5:5" ht="13.5" hidden="1" customHeight="1" x14ac:dyDescent="0.25">
      <c r="E447" s="37"/>
    </row>
    <row r="448" spans="5:5" ht="13.5" hidden="1" customHeight="1" x14ac:dyDescent="0.25">
      <c r="E448" s="37"/>
    </row>
    <row r="449" spans="5:5" ht="13.5" hidden="1" customHeight="1" x14ac:dyDescent="0.25">
      <c r="E449" s="37"/>
    </row>
    <row r="450" spans="5:5" ht="13.5" hidden="1" customHeight="1" x14ac:dyDescent="0.25">
      <c r="E450" s="37"/>
    </row>
    <row r="451" spans="5:5" ht="13.5" hidden="1" customHeight="1" x14ac:dyDescent="0.25">
      <c r="E451" s="37"/>
    </row>
    <row r="452" spans="5:5" ht="13.5" hidden="1" customHeight="1" x14ac:dyDescent="0.25">
      <c r="E452" s="37"/>
    </row>
    <row r="453" spans="5:5" ht="13.5" hidden="1" customHeight="1" x14ac:dyDescent="0.25">
      <c r="E453" s="37"/>
    </row>
    <row r="454" spans="5:5" ht="13.5" hidden="1" customHeight="1" x14ac:dyDescent="0.25">
      <c r="E454" s="37"/>
    </row>
    <row r="455" spans="5:5" ht="13.5" hidden="1" customHeight="1" x14ac:dyDescent="0.25">
      <c r="E455" s="37"/>
    </row>
    <row r="456" spans="5:5" ht="13.5" hidden="1" customHeight="1" x14ac:dyDescent="0.25">
      <c r="E456" s="37"/>
    </row>
    <row r="457" spans="5:5" ht="13.5" hidden="1" customHeight="1" x14ac:dyDescent="0.25">
      <c r="E457" s="37"/>
    </row>
    <row r="458" spans="5:5" ht="13.5" hidden="1" customHeight="1" x14ac:dyDescent="0.25">
      <c r="E458" s="37"/>
    </row>
    <row r="459" spans="5:5" ht="13.5" hidden="1" customHeight="1" x14ac:dyDescent="0.25">
      <c r="E459" s="37"/>
    </row>
    <row r="460" spans="5:5" ht="13.5" hidden="1" customHeight="1" x14ac:dyDescent="0.25">
      <c r="E460" s="37"/>
    </row>
    <row r="461" spans="5:5" ht="13.5" hidden="1" customHeight="1" x14ac:dyDescent="0.25">
      <c r="E461" s="37"/>
    </row>
    <row r="462" spans="5:5" ht="13.5" hidden="1" customHeight="1" x14ac:dyDescent="0.25">
      <c r="E462" s="37"/>
    </row>
    <row r="463" spans="5:5" ht="13.5" hidden="1" customHeight="1" x14ac:dyDescent="0.25">
      <c r="E463" s="37"/>
    </row>
    <row r="464" spans="5:5" ht="13.5" hidden="1" customHeight="1" x14ac:dyDescent="0.25">
      <c r="E464" s="37"/>
    </row>
    <row r="465" spans="5:5" ht="13.5" hidden="1" customHeight="1" x14ac:dyDescent="0.25">
      <c r="E465" s="37"/>
    </row>
    <row r="466" spans="5:5" ht="13.5" hidden="1" customHeight="1" x14ac:dyDescent="0.25">
      <c r="E466" s="37"/>
    </row>
    <row r="467" spans="5:5" ht="13.5" hidden="1" customHeight="1" x14ac:dyDescent="0.25">
      <c r="E467" s="37"/>
    </row>
    <row r="468" spans="5:5" ht="13.5" hidden="1" customHeight="1" x14ac:dyDescent="0.25">
      <c r="E468" s="37"/>
    </row>
    <row r="469" spans="5:5" ht="13.5" hidden="1" customHeight="1" x14ac:dyDescent="0.25">
      <c r="E469" s="37"/>
    </row>
    <row r="470" spans="5:5" ht="13.5" hidden="1" customHeight="1" x14ac:dyDescent="0.25">
      <c r="E470" s="37"/>
    </row>
    <row r="471" spans="5:5" ht="13.5" hidden="1" customHeight="1" x14ac:dyDescent="0.25">
      <c r="E471" s="37"/>
    </row>
    <row r="472" spans="5:5" ht="13.5" hidden="1" customHeight="1" x14ac:dyDescent="0.25">
      <c r="E472" s="37"/>
    </row>
    <row r="473" spans="5:5" ht="13.5" hidden="1" customHeight="1" x14ac:dyDescent="0.25">
      <c r="E473" s="37"/>
    </row>
    <row r="474" spans="5:5" ht="13.5" hidden="1" customHeight="1" x14ac:dyDescent="0.25">
      <c r="E474" s="37"/>
    </row>
    <row r="475" spans="5:5" ht="13.5" hidden="1" customHeight="1" x14ac:dyDescent="0.25">
      <c r="E475" s="37"/>
    </row>
    <row r="476" spans="5:5" ht="13.5" hidden="1" customHeight="1" x14ac:dyDescent="0.25">
      <c r="E476" s="37"/>
    </row>
    <row r="477" spans="5:5" ht="13.5" hidden="1" customHeight="1" x14ac:dyDescent="0.25">
      <c r="E477" s="37"/>
    </row>
    <row r="478" spans="5:5" ht="13.5" hidden="1" customHeight="1" x14ac:dyDescent="0.25">
      <c r="E478" s="37"/>
    </row>
    <row r="479" spans="5:5" ht="13.5" hidden="1" customHeight="1" x14ac:dyDescent="0.25">
      <c r="E479" s="37"/>
    </row>
    <row r="480" spans="5:5" ht="13.5" hidden="1" customHeight="1" x14ac:dyDescent="0.25">
      <c r="E480" s="37"/>
    </row>
    <row r="481" spans="5:5" ht="13.5" hidden="1" customHeight="1" x14ac:dyDescent="0.25">
      <c r="E481" s="37"/>
    </row>
    <row r="482" spans="5:5" ht="13.5" hidden="1" customHeight="1" x14ac:dyDescent="0.25">
      <c r="E482" s="37"/>
    </row>
    <row r="483" spans="5:5" ht="13.5" hidden="1" customHeight="1" x14ac:dyDescent="0.25">
      <c r="E483" s="37"/>
    </row>
    <row r="484" spans="5:5" ht="13.5" hidden="1" customHeight="1" x14ac:dyDescent="0.25">
      <c r="E484" s="37"/>
    </row>
    <row r="485" spans="5:5" ht="13.5" hidden="1" customHeight="1" x14ac:dyDescent="0.25">
      <c r="E485" s="37"/>
    </row>
    <row r="486" spans="5:5" ht="13.5" hidden="1" customHeight="1" x14ac:dyDescent="0.25">
      <c r="E486" s="37"/>
    </row>
    <row r="487" spans="5:5" ht="13.5" hidden="1" customHeight="1" x14ac:dyDescent="0.25">
      <c r="E487" s="37"/>
    </row>
    <row r="488" spans="5:5" ht="13.5" hidden="1" customHeight="1" x14ac:dyDescent="0.25">
      <c r="E488" s="37"/>
    </row>
    <row r="489" spans="5:5" ht="13.5" hidden="1" customHeight="1" x14ac:dyDescent="0.25">
      <c r="E489" s="37"/>
    </row>
    <row r="490" spans="5:5" ht="13.5" hidden="1" customHeight="1" x14ac:dyDescent="0.25">
      <c r="E490" s="37"/>
    </row>
    <row r="491" spans="5:5" ht="13.5" hidden="1" customHeight="1" x14ac:dyDescent="0.25">
      <c r="E491" s="37"/>
    </row>
    <row r="492" spans="5:5" ht="13.5" hidden="1" customHeight="1" x14ac:dyDescent="0.25">
      <c r="E492" s="37"/>
    </row>
    <row r="493" spans="5:5" ht="13.5" hidden="1" customHeight="1" x14ac:dyDescent="0.25">
      <c r="E493" s="37"/>
    </row>
    <row r="494" spans="5:5" ht="13.5" hidden="1" customHeight="1" x14ac:dyDescent="0.25">
      <c r="E494" s="37"/>
    </row>
    <row r="495" spans="5:5" ht="13.5" hidden="1" customHeight="1" x14ac:dyDescent="0.25">
      <c r="E495" s="37"/>
    </row>
    <row r="496" spans="5:5" ht="13.5" hidden="1" customHeight="1" x14ac:dyDescent="0.25">
      <c r="E496" s="37"/>
    </row>
    <row r="497" spans="5:5" ht="13.5" hidden="1" customHeight="1" x14ac:dyDescent="0.25">
      <c r="E497" s="37"/>
    </row>
    <row r="498" spans="5:5" ht="13.5" hidden="1" customHeight="1" x14ac:dyDescent="0.25">
      <c r="E498" s="37"/>
    </row>
    <row r="499" spans="5:5" ht="13.5" hidden="1" customHeight="1" x14ac:dyDescent="0.25">
      <c r="E499" s="37"/>
    </row>
    <row r="500" spans="5:5" ht="13.5" hidden="1" customHeight="1" x14ac:dyDescent="0.25">
      <c r="E500" s="37"/>
    </row>
    <row r="501" spans="5:5" ht="13.5" hidden="1" customHeight="1" x14ac:dyDescent="0.25">
      <c r="E501" s="37"/>
    </row>
    <row r="502" spans="5:5" ht="13.5" hidden="1" customHeight="1" x14ac:dyDescent="0.25">
      <c r="E502" s="37"/>
    </row>
    <row r="503" spans="5:5" ht="13.5" hidden="1" customHeight="1" x14ac:dyDescent="0.25">
      <c r="E503" s="37"/>
    </row>
    <row r="504" spans="5:5" ht="13.5" hidden="1" customHeight="1" x14ac:dyDescent="0.25">
      <c r="E504" s="37"/>
    </row>
    <row r="505" spans="5:5" ht="13.5" hidden="1" customHeight="1" x14ac:dyDescent="0.25">
      <c r="E505" s="37"/>
    </row>
    <row r="506" spans="5:5" ht="13.5" hidden="1" customHeight="1" x14ac:dyDescent="0.25">
      <c r="E506" s="37"/>
    </row>
    <row r="507" spans="5:5" ht="13.5" hidden="1" customHeight="1" x14ac:dyDescent="0.25">
      <c r="E507" s="37"/>
    </row>
    <row r="508" spans="5:5" ht="13.5" hidden="1" customHeight="1" x14ac:dyDescent="0.25">
      <c r="E508" s="37"/>
    </row>
    <row r="509" spans="5:5" ht="13.5" hidden="1" customHeight="1" x14ac:dyDescent="0.25">
      <c r="E509" s="37"/>
    </row>
    <row r="510" spans="5:5" ht="13.5" hidden="1" customHeight="1" x14ac:dyDescent="0.25">
      <c r="E510" s="37"/>
    </row>
    <row r="511" spans="5:5" ht="13.5" hidden="1" customHeight="1" x14ac:dyDescent="0.25">
      <c r="E511" s="37"/>
    </row>
    <row r="512" spans="5:5" ht="13.5" hidden="1" customHeight="1" x14ac:dyDescent="0.25">
      <c r="E512" s="37"/>
    </row>
    <row r="513" spans="5:5" ht="13.5" hidden="1" customHeight="1" x14ac:dyDescent="0.25">
      <c r="E513" s="37"/>
    </row>
    <row r="514" spans="5:5" ht="13.5" hidden="1" customHeight="1" x14ac:dyDescent="0.25">
      <c r="E514" s="37"/>
    </row>
    <row r="515" spans="5:5" ht="13.5" hidden="1" customHeight="1" x14ac:dyDescent="0.25">
      <c r="E515" s="37"/>
    </row>
    <row r="516" spans="5:5" ht="13.5" hidden="1" customHeight="1" x14ac:dyDescent="0.25">
      <c r="E516" s="37"/>
    </row>
    <row r="517" spans="5:5" ht="13.5" hidden="1" customHeight="1" x14ac:dyDescent="0.25">
      <c r="E517" s="37"/>
    </row>
    <row r="518" spans="5:5" ht="13.5" hidden="1" customHeight="1" x14ac:dyDescent="0.25">
      <c r="E518" s="37"/>
    </row>
    <row r="519" spans="5:5" ht="13.5" hidden="1" customHeight="1" x14ac:dyDescent="0.25">
      <c r="E519" s="37"/>
    </row>
    <row r="520" spans="5:5" ht="13.5" hidden="1" customHeight="1" x14ac:dyDescent="0.25">
      <c r="E520" s="37"/>
    </row>
    <row r="521" spans="5:5" ht="13.5" hidden="1" customHeight="1" x14ac:dyDescent="0.25">
      <c r="E521" s="37"/>
    </row>
    <row r="522" spans="5:5" ht="13.5" hidden="1" customHeight="1" x14ac:dyDescent="0.25">
      <c r="E522" s="37"/>
    </row>
    <row r="523" spans="5:5" ht="13.5" hidden="1" customHeight="1" x14ac:dyDescent="0.25">
      <c r="E523" s="37"/>
    </row>
    <row r="524" spans="5:5" ht="13.5" hidden="1" customHeight="1" x14ac:dyDescent="0.25">
      <c r="E524" s="37"/>
    </row>
    <row r="525" spans="5:5" ht="13.5" hidden="1" customHeight="1" x14ac:dyDescent="0.25">
      <c r="E525" s="37"/>
    </row>
    <row r="526" spans="5:5" ht="13.5" hidden="1" customHeight="1" x14ac:dyDescent="0.25">
      <c r="E526" s="37"/>
    </row>
    <row r="527" spans="5:5" ht="13.5" hidden="1" customHeight="1" x14ac:dyDescent="0.25">
      <c r="E527" s="37"/>
    </row>
    <row r="528" spans="5:5" ht="13.5" hidden="1" customHeight="1" x14ac:dyDescent="0.25">
      <c r="E528" s="37"/>
    </row>
    <row r="529" spans="5:5" ht="13.5" hidden="1" customHeight="1" x14ac:dyDescent="0.25">
      <c r="E529" s="37"/>
    </row>
    <row r="530" spans="5:5" ht="13.5" hidden="1" customHeight="1" x14ac:dyDescent="0.25">
      <c r="E530" s="37"/>
    </row>
    <row r="531" spans="5:5" ht="13.5" hidden="1" customHeight="1" x14ac:dyDescent="0.25">
      <c r="E531" s="37"/>
    </row>
    <row r="532" spans="5:5" ht="13.5" hidden="1" customHeight="1" x14ac:dyDescent="0.25">
      <c r="E532" s="37"/>
    </row>
    <row r="533" spans="5:5" ht="13.5" hidden="1" customHeight="1" x14ac:dyDescent="0.25">
      <c r="E533" s="37"/>
    </row>
    <row r="534" spans="5:5" ht="13.5" hidden="1" customHeight="1" x14ac:dyDescent="0.25">
      <c r="E534" s="37"/>
    </row>
    <row r="535" spans="5:5" ht="13.5" hidden="1" customHeight="1" x14ac:dyDescent="0.25">
      <c r="E535" s="37"/>
    </row>
    <row r="536" spans="5:5" ht="13.5" hidden="1" customHeight="1" x14ac:dyDescent="0.25">
      <c r="E536" s="37"/>
    </row>
    <row r="537" spans="5:5" ht="13.5" hidden="1" customHeight="1" x14ac:dyDescent="0.25">
      <c r="E537" s="37"/>
    </row>
    <row r="538" spans="5:5" ht="13.5" hidden="1" customHeight="1" x14ac:dyDescent="0.25">
      <c r="E538" s="37"/>
    </row>
    <row r="539" spans="5:5" ht="13.5" hidden="1" customHeight="1" x14ac:dyDescent="0.25">
      <c r="E539" s="37"/>
    </row>
    <row r="540" spans="5:5" ht="13.5" hidden="1" customHeight="1" x14ac:dyDescent="0.25">
      <c r="E540" s="37"/>
    </row>
    <row r="541" spans="5:5" ht="13.5" hidden="1" customHeight="1" x14ac:dyDescent="0.25">
      <c r="E541" s="37"/>
    </row>
    <row r="542" spans="5:5" ht="13.5" hidden="1" customHeight="1" x14ac:dyDescent="0.25">
      <c r="E542" s="37"/>
    </row>
    <row r="543" spans="5:5" ht="13.5" hidden="1" customHeight="1" x14ac:dyDescent="0.25">
      <c r="E543" s="37"/>
    </row>
    <row r="544" spans="5:5" ht="13.5" hidden="1" customHeight="1" x14ac:dyDescent="0.25">
      <c r="E544" s="37"/>
    </row>
    <row r="545" spans="5:5" ht="13.5" hidden="1" customHeight="1" x14ac:dyDescent="0.25">
      <c r="E545" s="37"/>
    </row>
    <row r="546" spans="5:5" ht="13.5" hidden="1" customHeight="1" x14ac:dyDescent="0.25">
      <c r="E546" s="37"/>
    </row>
    <row r="547" spans="5:5" ht="13.5" hidden="1" customHeight="1" x14ac:dyDescent="0.25">
      <c r="E547" s="37"/>
    </row>
    <row r="548" spans="5:5" ht="13.5" hidden="1" customHeight="1" x14ac:dyDescent="0.25">
      <c r="E548" s="37"/>
    </row>
    <row r="549" spans="5:5" ht="13.5" hidden="1" customHeight="1" x14ac:dyDescent="0.25">
      <c r="E549" s="37"/>
    </row>
    <row r="550" spans="5:5" ht="13.5" hidden="1" customHeight="1" x14ac:dyDescent="0.25">
      <c r="E550" s="37"/>
    </row>
    <row r="551" spans="5:5" ht="13.5" hidden="1" customHeight="1" x14ac:dyDescent="0.25">
      <c r="E551" s="37"/>
    </row>
    <row r="552" spans="5:5" ht="13.5" hidden="1" customHeight="1" x14ac:dyDescent="0.25">
      <c r="E552" s="37"/>
    </row>
    <row r="553" spans="5:5" ht="13.5" hidden="1" customHeight="1" x14ac:dyDescent="0.25">
      <c r="E553" s="37"/>
    </row>
    <row r="554" spans="5:5" ht="13.5" hidden="1" customHeight="1" x14ac:dyDescent="0.25">
      <c r="E554" s="37"/>
    </row>
    <row r="555" spans="5:5" ht="13.5" hidden="1" customHeight="1" x14ac:dyDescent="0.25">
      <c r="E555" s="37"/>
    </row>
    <row r="556" spans="5:5" ht="13.5" hidden="1" customHeight="1" x14ac:dyDescent="0.25">
      <c r="E556" s="37"/>
    </row>
    <row r="557" spans="5:5" ht="13.5" hidden="1" customHeight="1" x14ac:dyDescent="0.25">
      <c r="E557" s="37"/>
    </row>
    <row r="558" spans="5:5" ht="13.5" hidden="1" customHeight="1" x14ac:dyDescent="0.25">
      <c r="E558" s="37"/>
    </row>
    <row r="559" spans="5:5" ht="13.5" hidden="1" customHeight="1" x14ac:dyDescent="0.25">
      <c r="E559" s="37"/>
    </row>
    <row r="560" spans="5:5" ht="13.5" hidden="1" customHeight="1" x14ac:dyDescent="0.25">
      <c r="E560" s="37"/>
    </row>
    <row r="561" spans="5:5" ht="13.5" hidden="1" customHeight="1" x14ac:dyDescent="0.25">
      <c r="E561" s="37"/>
    </row>
    <row r="562" spans="5:5" ht="13.5" hidden="1" customHeight="1" x14ac:dyDescent="0.25">
      <c r="E562" s="37"/>
    </row>
    <row r="563" spans="5:5" ht="13.5" hidden="1" customHeight="1" x14ac:dyDescent="0.25">
      <c r="E563" s="37"/>
    </row>
    <row r="564" spans="5:5" ht="13.5" hidden="1" customHeight="1" x14ac:dyDescent="0.25">
      <c r="E564" s="37"/>
    </row>
    <row r="565" spans="5:5" ht="13.5" hidden="1" customHeight="1" x14ac:dyDescent="0.25">
      <c r="E565" s="37"/>
    </row>
    <row r="566" spans="5:5" ht="13.5" hidden="1" customHeight="1" x14ac:dyDescent="0.25">
      <c r="E566" s="37"/>
    </row>
    <row r="567" spans="5:5" ht="13.5" hidden="1" customHeight="1" x14ac:dyDescent="0.25">
      <c r="E567" s="37"/>
    </row>
    <row r="568" spans="5:5" ht="13.5" hidden="1" customHeight="1" x14ac:dyDescent="0.25">
      <c r="E568" s="37"/>
    </row>
    <row r="569" spans="5:5" ht="13.5" hidden="1" customHeight="1" x14ac:dyDescent="0.25">
      <c r="E569" s="37"/>
    </row>
    <row r="570" spans="5:5" ht="13.5" hidden="1" customHeight="1" x14ac:dyDescent="0.25">
      <c r="E570" s="37"/>
    </row>
    <row r="571" spans="5:5" ht="13.5" hidden="1" customHeight="1" x14ac:dyDescent="0.25">
      <c r="E571" s="37"/>
    </row>
    <row r="572" spans="5:5" ht="13.5" hidden="1" customHeight="1" x14ac:dyDescent="0.25">
      <c r="E572" s="37"/>
    </row>
    <row r="573" spans="5:5" ht="13.5" hidden="1" customHeight="1" x14ac:dyDescent="0.25">
      <c r="E573" s="37"/>
    </row>
    <row r="574" spans="5:5" ht="13.5" hidden="1" customHeight="1" x14ac:dyDescent="0.25">
      <c r="E574" s="37"/>
    </row>
    <row r="575" spans="5:5" ht="13.5" hidden="1" customHeight="1" x14ac:dyDescent="0.25">
      <c r="E575" s="37"/>
    </row>
    <row r="576" spans="5:5" ht="13.5" hidden="1" customHeight="1" x14ac:dyDescent="0.25">
      <c r="E576" s="37"/>
    </row>
    <row r="577" spans="5:5" ht="13.5" hidden="1" customHeight="1" x14ac:dyDescent="0.25">
      <c r="E577" s="37"/>
    </row>
    <row r="578" spans="5:5" ht="13.5" hidden="1" customHeight="1" x14ac:dyDescent="0.25">
      <c r="E578" s="37"/>
    </row>
    <row r="579" spans="5:5" ht="13.5" hidden="1" customHeight="1" x14ac:dyDescent="0.25">
      <c r="E579" s="37"/>
    </row>
    <row r="580" spans="5:5" ht="13.5" hidden="1" customHeight="1" x14ac:dyDescent="0.25">
      <c r="E580" s="37"/>
    </row>
    <row r="581" spans="5:5" ht="13.5" hidden="1" customHeight="1" x14ac:dyDescent="0.25">
      <c r="E581" s="37"/>
    </row>
    <row r="582" spans="5:5" ht="13.5" hidden="1" customHeight="1" x14ac:dyDescent="0.25">
      <c r="E582" s="37"/>
    </row>
    <row r="583" spans="5:5" ht="13.5" hidden="1" customHeight="1" x14ac:dyDescent="0.25">
      <c r="E583" s="37"/>
    </row>
    <row r="584" spans="5:5" ht="13.5" hidden="1" customHeight="1" x14ac:dyDescent="0.25">
      <c r="E584" s="37"/>
    </row>
    <row r="585" spans="5:5" ht="13.5" hidden="1" customHeight="1" x14ac:dyDescent="0.25">
      <c r="E585" s="37"/>
    </row>
    <row r="586" spans="5:5" ht="13.5" hidden="1" customHeight="1" x14ac:dyDescent="0.25">
      <c r="E586" s="37"/>
    </row>
    <row r="587" spans="5:5" ht="13.5" hidden="1" customHeight="1" x14ac:dyDescent="0.25">
      <c r="E587" s="37"/>
    </row>
    <row r="588" spans="5:5" ht="13.5" hidden="1" customHeight="1" x14ac:dyDescent="0.25">
      <c r="E588" s="37"/>
    </row>
    <row r="589" spans="5:5" ht="13.5" hidden="1" customHeight="1" x14ac:dyDescent="0.25">
      <c r="E589" s="37"/>
    </row>
    <row r="590" spans="5:5" ht="13.5" hidden="1" customHeight="1" x14ac:dyDescent="0.25">
      <c r="E590" s="37"/>
    </row>
    <row r="591" spans="5:5" ht="13.5" hidden="1" customHeight="1" x14ac:dyDescent="0.25">
      <c r="E591" s="37"/>
    </row>
    <row r="592" spans="5:5" ht="13.5" hidden="1" customHeight="1" x14ac:dyDescent="0.25">
      <c r="E592" s="37"/>
    </row>
    <row r="593" spans="5:5" ht="13.5" hidden="1" customHeight="1" x14ac:dyDescent="0.25">
      <c r="E593" s="37"/>
    </row>
    <row r="594" spans="5:5" ht="13.5" hidden="1" customHeight="1" x14ac:dyDescent="0.25">
      <c r="E594" s="37"/>
    </row>
    <row r="595" spans="5:5" ht="13.5" hidden="1" customHeight="1" x14ac:dyDescent="0.25">
      <c r="E595" s="37"/>
    </row>
    <row r="596" spans="5:5" ht="13.5" hidden="1" customHeight="1" x14ac:dyDescent="0.25">
      <c r="E596" s="37"/>
    </row>
    <row r="597" spans="5:5" ht="13.5" hidden="1" customHeight="1" x14ac:dyDescent="0.25">
      <c r="E597" s="37"/>
    </row>
    <row r="598" spans="5:5" ht="13.5" hidden="1" customHeight="1" x14ac:dyDescent="0.25">
      <c r="E598" s="37"/>
    </row>
    <row r="599" spans="5:5" ht="13.5" hidden="1" customHeight="1" x14ac:dyDescent="0.25">
      <c r="E599" s="37"/>
    </row>
    <row r="600" spans="5:5" ht="13.5" hidden="1" customHeight="1" x14ac:dyDescent="0.25">
      <c r="E600" s="37"/>
    </row>
    <row r="601" spans="5:5" ht="13.5" hidden="1" customHeight="1" x14ac:dyDescent="0.25">
      <c r="E601" s="37"/>
    </row>
    <row r="602" spans="5:5" ht="13.5" hidden="1" customHeight="1" x14ac:dyDescent="0.25">
      <c r="E602" s="37"/>
    </row>
    <row r="603" spans="5:5" ht="13.5" hidden="1" customHeight="1" x14ac:dyDescent="0.25">
      <c r="E603" s="37"/>
    </row>
    <row r="604" spans="5:5" ht="13.5" hidden="1" customHeight="1" x14ac:dyDescent="0.25">
      <c r="E604" s="37"/>
    </row>
    <row r="605" spans="5:5" ht="13.5" hidden="1" customHeight="1" x14ac:dyDescent="0.25">
      <c r="E605" s="37"/>
    </row>
    <row r="606" spans="5:5" ht="13.5" hidden="1" customHeight="1" x14ac:dyDescent="0.25">
      <c r="E606" s="37"/>
    </row>
    <row r="607" spans="5:5" ht="13.5" hidden="1" customHeight="1" x14ac:dyDescent="0.25">
      <c r="E607" s="37"/>
    </row>
    <row r="608" spans="5:5" ht="13.5" hidden="1" customHeight="1" x14ac:dyDescent="0.25">
      <c r="E608" s="37"/>
    </row>
    <row r="609" spans="5:5" ht="13.5" hidden="1" customHeight="1" x14ac:dyDescent="0.25">
      <c r="E609" s="37"/>
    </row>
    <row r="610" spans="5:5" ht="13.5" hidden="1" customHeight="1" x14ac:dyDescent="0.25">
      <c r="E610" s="37"/>
    </row>
    <row r="611" spans="5:5" ht="13.5" hidden="1" customHeight="1" x14ac:dyDescent="0.25">
      <c r="E611" s="37"/>
    </row>
    <row r="612" spans="5:5" ht="13.5" hidden="1" customHeight="1" x14ac:dyDescent="0.25">
      <c r="E612" s="37"/>
    </row>
    <row r="613" spans="5:5" ht="13.5" hidden="1" customHeight="1" x14ac:dyDescent="0.25">
      <c r="E613" s="37"/>
    </row>
    <row r="614" spans="5:5" ht="13.5" hidden="1" customHeight="1" x14ac:dyDescent="0.25">
      <c r="E614" s="37"/>
    </row>
    <row r="615" spans="5:5" ht="13.5" hidden="1" customHeight="1" x14ac:dyDescent="0.25">
      <c r="E615" s="37"/>
    </row>
    <row r="616" spans="5:5" ht="13.5" hidden="1" customHeight="1" x14ac:dyDescent="0.25">
      <c r="E616" s="37"/>
    </row>
    <row r="617" spans="5:5" ht="13.5" hidden="1" customHeight="1" x14ac:dyDescent="0.25">
      <c r="E617" s="37"/>
    </row>
    <row r="618" spans="5:5" ht="13.5" hidden="1" customHeight="1" x14ac:dyDescent="0.25">
      <c r="E618" s="37"/>
    </row>
    <row r="619" spans="5:5" ht="13.5" hidden="1" customHeight="1" x14ac:dyDescent="0.25">
      <c r="E619" s="37"/>
    </row>
    <row r="620" spans="5:5" ht="13.5" hidden="1" customHeight="1" x14ac:dyDescent="0.25">
      <c r="E620" s="37"/>
    </row>
    <row r="621" spans="5:5" ht="13.5" hidden="1" customHeight="1" x14ac:dyDescent="0.25">
      <c r="E621" s="37"/>
    </row>
    <row r="622" spans="5:5" ht="13.5" hidden="1" customHeight="1" x14ac:dyDescent="0.25">
      <c r="E622" s="37"/>
    </row>
    <row r="623" spans="5:5" ht="13.5" hidden="1" customHeight="1" x14ac:dyDescent="0.25">
      <c r="E623" s="37"/>
    </row>
    <row r="624" spans="5:5" ht="13.5" hidden="1" customHeight="1" x14ac:dyDescent="0.25">
      <c r="E624" s="37"/>
    </row>
    <row r="625" spans="5:5" ht="13.5" hidden="1" customHeight="1" x14ac:dyDescent="0.25">
      <c r="E625" s="37"/>
    </row>
    <row r="626" spans="5:5" ht="13.5" hidden="1" customHeight="1" x14ac:dyDescent="0.25">
      <c r="E626" s="37"/>
    </row>
    <row r="627" spans="5:5" ht="13.5" hidden="1" customHeight="1" x14ac:dyDescent="0.25">
      <c r="E627" s="37"/>
    </row>
    <row r="628" spans="5:5" ht="13.5" hidden="1" customHeight="1" x14ac:dyDescent="0.25">
      <c r="E628" s="37"/>
    </row>
    <row r="629" spans="5:5" ht="13.5" hidden="1" customHeight="1" x14ac:dyDescent="0.25">
      <c r="E629" s="37"/>
    </row>
    <row r="630" spans="5:5" ht="13.5" hidden="1" customHeight="1" x14ac:dyDescent="0.25">
      <c r="E630" s="37"/>
    </row>
    <row r="631" spans="5:5" ht="13.5" hidden="1" customHeight="1" x14ac:dyDescent="0.25">
      <c r="E631" s="37"/>
    </row>
    <row r="632" spans="5:5" ht="13.5" hidden="1" customHeight="1" x14ac:dyDescent="0.25">
      <c r="E632" s="37"/>
    </row>
    <row r="633" spans="5:5" ht="13.5" hidden="1" customHeight="1" x14ac:dyDescent="0.25">
      <c r="E633" s="37"/>
    </row>
    <row r="634" spans="5:5" ht="13.5" hidden="1" customHeight="1" x14ac:dyDescent="0.25">
      <c r="E634" s="37"/>
    </row>
    <row r="635" spans="5:5" ht="13.5" hidden="1" customHeight="1" x14ac:dyDescent="0.25">
      <c r="E635" s="37"/>
    </row>
    <row r="636" spans="5:5" ht="13.5" hidden="1" customHeight="1" x14ac:dyDescent="0.25">
      <c r="E636" s="37"/>
    </row>
    <row r="637" spans="5:5" ht="13.5" hidden="1" customHeight="1" x14ac:dyDescent="0.25">
      <c r="E637" s="37"/>
    </row>
    <row r="638" spans="5:5" ht="13.5" hidden="1" customHeight="1" x14ac:dyDescent="0.25">
      <c r="E638" s="37"/>
    </row>
    <row r="639" spans="5:5" ht="13.5" hidden="1" customHeight="1" x14ac:dyDescent="0.25">
      <c r="E639" s="37"/>
    </row>
    <row r="640" spans="5:5" ht="13.5" hidden="1" customHeight="1" x14ac:dyDescent="0.25">
      <c r="E640" s="37"/>
    </row>
    <row r="641" spans="5:5" ht="13.5" hidden="1" customHeight="1" x14ac:dyDescent="0.25">
      <c r="E641" s="37"/>
    </row>
    <row r="642" spans="5:5" ht="13.5" hidden="1" customHeight="1" x14ac:dyDescent="0.25">
      <c r="E642" s="37"/>
    </row>
    <row r="643" spans="5:5" ht="13.5" hidden="1" customHeight="1" x14ac:dyDescent="0.25">
      <c r="E643" s="37"/>
    </row>
    <row r="644" spans="5:5" ht="13.5" hidden="1" customHeight="1" x14ac:dyDescent="0.25">
      <c r="E644" s="37"/>
    </row>
    <row r="645" spans="5:5" ht="13.5" hidden="1" customHeight="1" x14ac:dyDescent="0.25">
      <c r="E645" s="37"/>
    </row>
    <row r="646" spans="5:5" ht="13.5" hidden="1" customHeight="1" x14ac:dyDescent="0.25">
      <c r="E646" s="37"/>
    </row>
    <row r="647" spans="5:5" ht="13.5" hidden="1" customHeight="1" x14ac:dyDescent="0.25">
      <c r="E647" s="37"/>
    </row>
    <row r="648" spans="5:5" ht="13.5" hidden="1" customHeight="1" x14ac:dyDescent="0.25">
      <c r="E648" s="37"/>
    </row>
    <row r="649" spans="5:5" ht="13.5" hidden="1" customHeight="1" x14ac:dyDescent="0.25">
      <c r="E649" s="37"/>
    </row>
    <row r="650" spans="5:5" ht="13.5" hidden="1" customHeight="1" x14ac:dyDescent="0.25">
      <c r="E650" s="37"/>
    </row>
    <row r="651" spans="5:5" ht="13.5" hidden="1" customHeight="1" x14ac:dyDescent="0.25">
      <c r="E651" s="37"/>
    </row>
    <row r="652" spans="5:5" ht="13.5" hidden="1" customHeight="1" x14ac:dyDescent="0.25">
      <c r="E652" s="37"/>
    </row>
    <row r="653" spans="5:5" ht="13.5" hidden="1" customHeight="1" x14ac:dyDescent="0.25">
      <c r="E653" s="37"/>
    </row>
    <row r="654" spans="5:5" ht="13.5" hidden="1" customHeight="1" x14ac:dyDescent="0.25">
      <c r="E654" s="37"/>
    </row>
    <row r="655" spans="5:5" ht="13.5" hidden="1" customHeight="1" x14ac:dyDescent="0.25">
      <c r="E655" s="37"/>
    </row>
    <row r="656" spans="5:5" ht="13.5" hidden="1" customHeight="1" x14ac:dyDescent="0.25">
      <c r="E656" s="37"/>
    </row>
    <row r="657" spans="5:5" ht="13.5" hidden="1" customHeight="1" x14ac:dyDescent="0.25">
      <c r="E657" s="37"/>
    </row>
    <row r="658" spans="5:5" ht="13.5" hidden="1" customHeight="1" x14ac:dyDescent="0.25">
      <c r="E658" s="37"/>
    </row>
    <row r="659" spans="5:5" ht="13.5" hidden="1" customHeight="1" x14ac:dyDescent="0.25">
      <c r="E659" s="37"/>
    </row>
    <row r="660" spans="5:5" ht="13.5" hidden="1" customHeight="1" x14ac:dyDescent="0.25">
      <c r="E660" s="37"/>
    </row>
    <row r="661" spans="5:5" ht="13.5" hidden="1" customHeight="1" x14ac:dyDescent="0.25">
      <c r="E661" s="37"/>
    </row>
    <row r="662" spans="5:5" ht="13.5" hidden="1" customHeight="1" x14ac:dyDescent="0.25">
      <c r="E662" s="37"/>
    </row>
    <row r="663" spans="5:5" ht="13.5" hidden="1" customHeight="1" x14ac:dyDescent="0.25">
      <c r="E663" s="37"/>
    </row>
    <row r="664" spans="5:5" ht="13.5" hidden="1" customHeight="1" x14ac:dyDescent="0.25">
      <c r="E664" s="37"/>
    </row>
    <row r="665" spans="5:5" ht="13.5" hidden="1" customHeight="1" x14ac:dyDescent="0.25">
      <c r="E665" s="37"/>
    </row>
    <row r="666" spans="5:5" ht="13.5" hidden="1" customHeight="1" x14ac:dyDescent="0.25">
      <c r="E666" s="37"/>
    </row>
    <row r="667" spans="5:5" ht="13.5" hidden="1" customHeight="1" x14ac:dyDescent="0.25">
      <c r="E667" s="37"/>
    </row>
    <row r="668" spans="5:5" ht="13.5" hidden="1" customHeight="1" x14ac:dyDescent="0.25">
      <c r="E668" s="37"/>
    </row>
    <row r="669" spans="5:5" ht="13.5" hidden="1" customHeight="1" x14ac:dyDescent="0.25">
      <c r="E669" s="37"/>
    </row>
    <row r="670" spans="5:5" ht="13.5" hidden="1" customHeight="1" x14ac:dyDescent="0.25">
      <c r="E670" s="37"/>
    </row>
    <row r="671" spans="5:5" ht="13.5" hidden="1" customHeight="1" x14ac:dyDescent="0.25">
      <c r="E671" s="37"/>
    </row>
    <row r="672" spans="5:5" ht="13.5" hidden="1" customHeight="1" x14ac:dyDescent="0.25">
      <c r="E672" s="37"/>
    </row>
    <row r="673" spans="5:5" ht="13.5" hidden="1" customHeight="1" x14ac:dyDescent="0.25">
      <c r="E673" s="37"/>
    </row>
    <row r="674" spans="5:5" ht="13.5" hidden="1" customHeight="1" x14ac:dyDescent="0.25">
      <c r="E674" s="37"/>
    </row>
    <row r="675" spans="5:5" ht="13.5" hidden="1" customHeight="1" x14ac:dyDescent="0.25">
      <c r="E675" s="37"/>
    </row>
    <row r="676" spans="5:5" ht="13.5" hidden="1" customHeight="1" x14ac:dyDescent="0.25">
      <c r="E676" s="37"/>
    </row>
    <row r="677" spans="5:5" ht="13.5" hidden="1" customHeight="1" x14ac:dyDescent="0.25">
      <c r="E677" s="37"/>
    </row>
    <row r="678" spans="5:5" ht="13.5" hidden="1" customHeight="1" x14ac:dyDescent="0.25">
      <c r="E678" s="37"/>
    </row>
    <row r="679" spans="5:5" ht="13.5" hidden="1" customHeight="1" x14ac:dyDescent="0.25">
      <c r="E679" s="37"/>
    </row>
    <row r="680" spans="5:5" ht="13.5" hidden="1" customHeight="1" x14ac:dyDescent="0.25">
      <c r="E680" s="37"/>
    </row>
    <row r="681" spans="5:5" ht="13.5" hidden="1" customHeight="1" x14ac:dyDescent="0.25">
      <c r="E681" s="37"/>
    </row>
    <row r="682" spans="5:5" ht="13.5" hidden="1" customHeight="1" x14ac:dyDescent="0.25">
      <c r="E682" s="37"/>
    </row>
    <row r="683" spans="5:5" ht="13.5" hidden="1" customHeight="1" x14ac:dyDescent="0.25">
      <c r="E683" s="37"/>
    </row>
    <row r="684" spans="5:5" ht="13.5" hidden="1" customHeight="1" x14ac:dyDescent="0.25">
      <c r="E684" s="37"/>
    </row>
    <row r="685" spans="5:5" ht="13.5" hidden="1" customHeight="1" x14ac:dyDescent="0.25">
      <c r="E685" s="37"/>
    </row>
    <row r="686" spans="5:5" ht="13.5" hidden="1" customHeight="1" x14ac:dyDescent="0.25">
      <c r="E686" s="37"/>
    </row>
    <row r="687" spans="5:5" ht="13.5" hidden="1" customHeight="1" x14ac:dyDescent="0.25">
      <c r="E687" s="37"/>
    </row>
    <row r="688" spans="5:5" ht="13.5" hidden="1" customHeight="1" x14ac:dyDescent="0.25">
      <c r="E688" s="37"/>
    </row>
    <row r="689" spans="5:5" ht="13.5" hidden="1" customHeight="1" x14ac:dyDescent="0.25">
      <c r="E689" s="37"/>
    </row>
    <row r="690" spans="5:5" ht="13.5" hidden="1" customHeight="1" x14ac:dyDescent="0.25">
      <c r="E690" s="37"/>
    </row>
    <row r="691" spans="5:5" ht="13.5" hidden="1" customHeight="1" x14ac:dyDescent="0.25">
      <c r="E691" s="37"/>
    </row>
    <row r="692" spans="5:5" ht="13.5" hidden="1" customHeight="1" x14ac:dyDescent="0.25">
      <c r="E692" s="37"/>
    </row>
    <row r="693" spans="5:5" ht="13.5" hidden="1" customHeight="1" x14ac:dyDescent="0.25">
      <c r="E693" s="37"/>
    </row>
    <row r="694" spans="5:5" ht="13.5" hidden="1" customHeight="1" x14ac:dyDescent="0.25">
      <c r="E694" s="37"/>
    </row>
    <row r="695" spans="5:5" ht="13.5" hidden="1" customHeight="1" x14ac:dyDescent="0.25">
      <c r="E695" s="37"/>
    </row>
    <row r="696" spans="5:5" ht="13.5" hidden="1" customHeight="1" x14ac:dyDescent="0.25">
      <c r="E696" s="37"/>
    </row>
    <row r="697" spans="5:5" ht="13.5" hidden="1" customHeight="1" x14ac:dyDescent="0.25">
      <c r="E697" s="37"/>
    </row>
    <row r="698" spans="5:5" ht="13.5" hidden="1" customHeight="1" x14ac:dyDescent="0.25">
      <c r="E698" s="37"/>
    </row>
    <row r="699" spans="5:5" ht="13.5" hidden="1" customHeight="1" x14ac:dyDescent="0.25">
      <c r="E699" s="37"/>
    </row>
    <row r="700" spans="5:5" ht="13.5" hidden="1" customHeight="1" x14ac:dyDescent="0.25">
      <c r="E700" s="37"/>
    </row>
    <row r="701" spans="5:5" ht="13.5" hidden="1" customHeight="1" x14ac:dyDescent="0.25">
      <c r="E701" s="37"/>
    </row>
    <row r="702" spans="5:5" ht="13.5" hidden="1" customHeight="1" x14ac:dyDescent="0.25">
      <c r="E702" s="37"/>
    </row>
    <row r="703" spans="5:5" ht="13.5" hidden="1" customHeight="1" x14ac:dyDescent="0.25">
      <c r="E703" s="37"/>
    </row>
    <row r="704" spans="5:5" ht="13.5" hidden="1" customHeight="1" x14ac:dyDescent="0.25">
      <c r="E704" s="37"/>
    </row>
    <row r="705" spans="5:5" ht="13.5" hidden="1" customHeight="1" x14ac:dyDescent="0.25">
      <c r="E705" s="37"/>
    </row>
    <row r="706" spans="5:5" ht="13.5" hidden="1" customHeight="1" x14ac:dyDescent="0.25">
      <c r="E706" s="37"/>
    </row>
    <row r="707" spans="5:5" ht="13.5" hidden="1" customHeight="1" x14ac:dyDescent="0.25">
      <c r="E707" s="37"/>
    </row>
    <row r="708" spans="5:5" ht="13.5" hidden="1" customHeight="1" x14ac:dyDescent="0.25">
      <c r="E708" s="37"/>
    </row>
    <row r="709" spans="5:5" ht="13.5" hidden="1" customHeight="1" x14ac:dyDescent="0.25">
      <c r="E709" s="37"/>
    </row>
    <row r="710" spans="5:5" ht="13.5" hidden="1" customHeight="1" x14ac:dyDescent="0.25">
      <c r="E710" s="37"/>
    </row>
    <row r="711" spans="5:5" ht="13.5" hidden="1" customHeight="1" x14ac:dyDescent="0.25">
      <c r="E711" s="37"/>
    </row>
    <row r="712" spans="5:5" ht="13.5" hidden="1" customHeight="1" x14ac:dyDescent="0.25">
      <c r="E712" s="37"/>
    </row>
    <row r="713" spans="5:5" ht="13.5" hidden="1" customHeight="1" x14ac:dyDescent="0.25">
      <c r="E713" s="37"/>
    </row>
    <row r="714" spans="5:5" ht="13.5" hidden="1" customHeight="1" x14ac:dyDescent="0.25">
      <c r="E714" s="37"/>
    </row>
    <row r="715" spans="5:5" ht="13.5" hidden="1" customHeight="1" x14ac:dyDescent="0.25">
      <c r="E715" s="37"/>
    </row>
    <row r="716" spans="5:5" ht="13.5" hidden="1" customHeight="1" x14ac:dyDescent="0.25">
      <c r="E716" s="37"/>
    </row>
    <row r="717" spans="5:5" ht="13.5" hidden="1" customHeight="1" x14ac:dyDescent="0.25">
      <c r="E717" s="37"/>
    </row>
    <row r="718" spans="5:5" ht="13.5" hidden="1" customHeight="1" x14ac:dyDescent="0.25">
      <c r="E718" s="37"/>
    </row>
    <row r="719" spans="5:5" ht="13.5" hidden="1" customHeight="1" x14ac:dyDescent="0.25">
      <c r="E719" s="37"/>
    </row>
    <row r="720" spans="5:5" ht="13.5" hidden="1" customHeight="1" x14ac:dyDescent="0.25">
      <c r="E720" s="37"/>
    </row>
    <row r="721" spans="5:5" ht="13.5" hidden="1" customHeight="1" x14ac:dyDescent="0.25">
      <c r="E721" s="37"/>
    </row>
    <row r="722" spans="5:5" ht="13.5" hidden="1" customHeight="1" x14ac:dyDescent="0.25">
      <c r="E722" s="37"/>
    </row>
    <row r="723" spans="5:5" ht="13.5" hidden="1" customHeight="1" x14ac:dyDescent="0.25">
      <c r="E723" s="37"/>
    </row>
    <row r="724" spans="5:5" ht="13.5" hidden="1" customHeight="1" x14ac:dyDescent="0.25">
      <c r="E724" s="37"/>
    </row>
    <row r="725" spans="5:5" ht="13.5" hidden="1" customHeight="1" x14ac:dyDescent="0.25">
      <c r="E725" s="37"/>
    </row>
    <row r="726" spans="5:5" ht="13.5" hidden="1" customHeight="1" x14ac:dyDescent="0.25">
      <c r="E726" s="37"/>
    </row>
    <row r="727" spans="5:5" ht="13.5" hidden="1" customHeight="1" x14ac:dyDescent="0.25">
      <c r="E727" s="37"/>
    </row>
    <row r="728" spans="5:5" ht="13.5" hidden="1" customHeight="1" x14ac:dyDescent="0.25">
      <c r="E728" s="37"/>
    </row>
    <row r="729" spans="5:5" ht="13.5" hidden="1" customHeight="1" x14ac:dyDescent="0.25">
      <c r="E729" s="37"/>
    </row>
    <row r="730" spans="5:5" ht="13.5" hidden="1" customHeight="1" x14ac:dyDescent="0.25">
      <c r="E730" s="37"/>
    </row>
    <row r="731" spans="5:5" ht="13.5" hidden="1" customHeight="1" x14ac:dyDescent="0.25">
      <c r="E731" s="37"/>
    </row>
    <row r="732" spans="5:5" ht="13.5" hidden="1" customHeight="1" x14ac:dyDescent="0.25">
      <c r="E732" s="37"/>
    </row>
    <row r="733" spans="5:5" ht="13.5" hidden="1" customHeight="1" x14ac:dyDescent="0.25">
      <c r="E733" s="37"/>
    </row>
    <row r="734" spans="5:5" ht="13.5" hidden="1" customHeight="1" x14ac:dyDescent="0.25">
      <c r="E734" s="37"/>
    </row>
    <row r="735" spans="5:5" ht="13.5" hidden="1" customHeight="1" x14ac:dyDescent="0.25">
      <c r="E735" s="37"/>
    </row>
    <row r="736" spans="5:5" ht="13.5" hidden="1" customHeight="1" x14ac:dyDescent="0.25">
      <c r="E736" s="37"/>
    </row>
    <row r="737" spans="5:5" ht="13.5" hidden="1" customHeight="1" x14ac:dyDescent="0.25">
      <c r="E737" s="37"/>
    </row>
    <row r="738" spans="5:5" ht="13.5" hidden="1" customHeight="1" x14ac:dyDescent="0.25">
      <c r="E738" s="37"/>
    </row>
    <row r="739" spans="5:5" ht="13.5" hidden="1" customHeight="1" x14ac:dyDescent="0.25">
      <c r="E739" s="37"/>
    </row>
    <row r="740" spans="5:5" ht="13.5" hidden="1" customHeight="1" x14ac:dyDescent="0.25">
      <c r="E740" s="37"/>
    </row>
    <row r="741" spans="5:5" ht="13.5" hidden="1" customHeight="1" x14ac:dyDescent="0.25">
      <c r="E741" s="37"/>
    </row>
    <row r="742" spans="5:5" ht="13.5" hidden="1" customHeight="1" x14ac:dyDescent="0.25">
      <c r="E742" s="37"/>
    </row>
    <row r="743" spans="5:5" ht="13.5" hidden="1" customHeight="1" x14ac:dyDescent="0.25">
      <c r="E743" s="37"/>
    </row>
    <row r="744" spans="5:5" ht="13.5" hidden="1" customHeight="1" x14ac:dyDescent="0.25">
      <c r="E744" s="37"/>
    </row>
    <row r="745" spans="5:5" ht="13.5" hidden="1" customHeight="1" x14ac:dyDescent="0.25">
      <c r="E745" s="37"/>
    </row>
    <row r="746" spans="5:5" ht="13.5" hidden="1" customHeight="1" x14ac:dyDescent="0.25">
      <c r="E746" s="37"/>
    </row>
    <row r="747" spans="5:5" ht="13.5" hidden="1" customHeight="1" x14ac:dyDescent="0.25">
      <c r="E747" s="37"/>
    </row>
    <row r="748" spans="5:5" ht="13.5" hidden="1" customHeight="1" x14ac:dyDescent="0.25">
      <c r="E748" s="37"/>
    </row>
    <row r="749" spans="5:5" ht="13.5" hidden="1" customHeight="1" x14ac:dyDescent="0.25">
      <c r="E749" s="37"/>
    </row>
    <row r="750" spans="5:5" ht="13.5" hidden="1" customHeight="1" x14ac:dyDescent="0.25">
      <c r="E750" s="37"/>
    </row>
    <row r="751" spans="5:5" ht="13.5" hidden="1" customHeight="1" x14ac:dyDescent="0.25">
      <c r="E751" s="37"/>
    </row>
    <row r="752" spans="5:5" ht="13.5" hidden="1" customHeight="1" x14ac:dyDescent="0.25">
      <c r="E752" s="37"/>
    </row>
    <row r="753" spans="5:5" ht="13.5" hidden="1" customHeight="1" x14ac:dyDescent="0.25">
      <c r="E753" s="37"/>
    </row>
    <row r="754" spans="5:5" ht="13.5" hidden="1" customHeight="1" x14ac:dyDescent="0.25">
      <c r="E754" s="37"/>
    </row>
    <row r="755" spans="5:5" ht="13.5" hidden="1" customHeight="1" x14ac:dyDescent="0.25">
      <c r="E755" s="37"/>
    </row>
    <row r="756" spans="5:5" ht="13.5" hidden="1" customHeight="1" x14ac:dyDescent="0.25">
      <c r="E756" s="37"/>
    </row>
    <row r="757" spans="5:5" ht="13.5" hidden="1" customHeight="1" x14ac:dyDescent="0.25">
      <c r="E757" s="37"/>
    </row>
    <row r="758" spans="5:5" ht="13.5" hidden="1" customHeight="1" x14ac:dyDescent="0.25">
      <c r="E758" s="37"/>
    </row>
    <row r="759" spans="5:5" ht="13.5" hidden="1" customHeight="1" x14ac:dyDescent="0.25">
      <c r="E759" s="37"/>
    </row>
    <row r="760" spans="5:5" ht="13.5" hidden="1" customHeight="1" x14ac:dyDescent="0.25">
      <c r="E760" s="37"/>
    </row>
    <row r="761" spans="5:5" ht="13.5" hidden="1" customHeight="1" x14ac:dyDescent="0.25">
      <c r="E761" s="37"/>
    </row>
    <row r="762" spans="5:5" ht="13.5" hidden="1" customHeight="1" x14ac:dyDescent="0.25">
      <c r="E762" s="37"/>
    </row>
    <row r="763" spans="5:5" ht="13.5" hidden="1" customHeight="1" x14ac:dyDescent="0.25">
      <c r="E763" s="37"/>
    </row>
    <row r="764" spans="5:5" ht="13.5" hidden="1" customHeight="1" x14ac:dyDescent="0.25">
      <c r="E764" s="37"/>
    </row>
    <row r="765" spans="5:5" ht="13.5" hidden="1" customHeight="1" x14ac:dyDescent="0.25">
      <c r="E765" s="37"/>
    </row>
    <row r="766" spans="5:5" ht="13.5" hidden="1" customHeight="1" x14ac:dyDescent="0.25">
      <c r="E766" s="37"/>
    </row>
    <row r="767" spans="5:5" ht="13.5" hidden="1" customHeight="1" x14ac:dyDescent="0.25">
      <c r="E767" s="37"/>
    </row>
    <row r="768" spans="5:5" ht="13.5" hidden="1" customHeight="1" x14ac:dyDescent="0.25">
      <c r="E768" s="37"/>
    </row>
    <row r="769" spans="5:5" ht="13.5" hidden="1" customHeight="1" x14ac:dyDescent="0.25">
      <c r="E769" s="37"/>
    </row>
    <row r="770" spans="5:5" ht="13.5" hidden="1" customHeight="1" x14ac:dyDescent="0.25">
      <c r="E770" s="37"/>
    </row>
    <row r="771" spans="5:5" ht="13.5" hidden="1" customHeight="1" x14ac:dyDescent="0.25">
      <c r="E771" s="37"/>
    </row>
    <row r="772" spans="5:5" ht="13.5" hidden="1" customHeight="1" x14ac:dyDescent="0.25">
      <c r="E772" s="37"/>
    </row>
    <row r="773" spans="5:5" ht="13.5" hidden="1" customHeight="1" x14ac:dyDescent="0.25">
      <c r="E773" s="37"/>
    </row>
    <row r="774" spans="5:5" ht="13.5" hidden="1" customHeight="1" x14ac:dyDescent="0.25">
      <c r="E774" s="37"/>
    </row>
    <row r="775" spans="5:5" ht="13.5" hidden="1" customHeight="1" x14ac:dyDescent="0.25">
      <c r="E775" s="37"/>
    </row>
    <row r="776" spans="5:5" ht="13.5" hidden="1" customHeight="1" x14ac:dyDescent="0.25">
      <c r="E776" s="37"/>
    </row>
    <row r="777" spans="5:5" ht="13.5" hidden="1" customHeight="1" x14ac:dyDescent="0.25">
      <c r="E777" s="37"/>
    </row>
    <row r="778" spans="5:5" ht="13.5" hidden="1" customHeight="1" x14ac:dyDescent="0.25">
      <c r="E778" s="37"/>
    </row>
    <row r="779" spans="5:5" ht="13.5" hidden="1" customHeight="1" x14ac:dyDescent="0.25">
      <c r="E779" s="37"/>
    </row>
    <row r="780" spans="5:5" ht="13.5" hidden="1" customHeight="1" x14ac:dyDescent="0.25">
      <c r="E780" s="37"/>
    </row>
    <row r="781" spans="5:5" ht="13.5" hidden="1" customHeight="1" x14ac:dyDescent="0.25">
      <c r="E781" s="37"/>
    </row>
    <row r="782" spans="5:5" ht="13.5" hidden="1" customHeight="1" x14ac:dyDescent="0.25">
      <c r="E782" s="37"/>
    </row>
    <row r="783" spans="5:5" ht="13.5" hidden="1" customHeight="1" x14ac:dyDescent="0.25">
      <c r="E783" s="37"/>
    </row>
    <row r="784" spans="5:5" ht="13.5" hidden="1" customHeight="1" x14ac:dyDescent="0.25">
      <c r="E784" s="37"/>
    </row>
    <row r="785" spans="5:5" ht="13.5" hidden="1" customHeight="1" x14ac:dyDescent="0.25">
      <c r="E785" s="37"/>
    </row>
    <row r="786" spans="5:5" ht="13.5" hidden="1" customHeight="1" x14ac:dyDescent="0.25">
      <c r="E786" s="37"/>
    </row>
    <row r="787" spans="5:5" ht="13.5" hidden="1" customHeight="1" x14ac:dyDescent="0.25">
      <c r="E787" s="37"/>
    </row>
    <row r="788" spans="5:5" ht="13.5" hidden="1" customHeight="1" x14ac:dyDescent="0.25">
      <c r="E788" s="37"/>
    </row>
    <row r="789" spans="5:5" ht="13.5" hidden="1" customHeight="1" x14ac:dyDescent="0.25">
      <c r="E789" s="37"/>
    </row>
    <row r="790" spans="5:5" ht="13.5" hidden="1" customHeight="1" x14ac:dyDescent="0.25">
      <c r="E790" s="37"/>
    </row>
    <row r="791" spans="5:5" ht="13.5" hidden="1" customHeight="1" x14ac:dyDescent="0.25">
      <c r="E791" s="37"/>
    </row>
    <row r="792" spans="5:5" ht="13.5" hidden="1" customHeight="1" x14ac:dyDescent="0.25">
      <c r="E792" s="37"/>
    </row>
    <row r="793" spans="5:5" ht="13.5" hidden="1" customHeight="1" x14ac:dyDescent="0.25">
      <c r="E793" s="37"/>
    </row>
    <row r="794" spans="5:5" ht="13.5" hidden="1" customHeight="1" x14ac:dyDescent="0.25">
      <c r="E794" s="37"/>
    </row>
    <row r="795" spans="5:5" ht="13.5" hidden="1" customHeight="1" x14ac:dyDescent="0.25">
      <c r="E795" s="37"/>
    </row>
    <row r="796" spans="5:5" ht="13.5" hidden="1" customHeight="1" x14ac:dyDescent="0.25">
      <c r="E796" s="37"/>
    </row>
    <row r="797" spans="5:5" ht="13.5" hidden="1" customHeight="1" x14ac:dyDescent="0.25">
      <c r="E797" s="37"/>
    </row>
    <row r="798" spans="5:5" ht="13.5" hidden="1" customHeight="1" x14ac:dyDescent="0.25">
      <c r="E798" s="37"/>
    </row>
    <row r="799" spans="5:5" ht="13.5" hidden="1" customHeight="1" x14ac:dyDescent="0.25">
      <c r="E799" s="37"/>
    </row>
    <row r="800" spans="5:5" ht="13.5" hidden="1" customHeight="1" x14ac:dyDescent="0.25">
      <c r="E800" s="37"/>
    </row>
    <row r="801" spans="5:5" ht="13.5" hidden="1" customHeight="1" x14ac:dyDescent="0.25">
      <c r="E801" s="37"/>
    </row>
    <row r="802" spans="5:5" ht="13.5" hidden="1" customHeight="1" x14ac:dyDescent="0.25">
      <c r="E802" s="37"/>
    </row>
    <row r="803" spans="5:5" ht="13.5" hidden="1" customHeight="1" x14ac:dyDescent="0.25">
      <c r="E803" s="37"/>
    </row>
    <row r="804" spans="5:5" ht="13.5" hidden="1" customHeight="1" x14ac:dyDescent="0.25">
      <c r="E804" s="37"/>
    </row>
    <row r="805" spans="5:5" ht="13.5" hidden="1" customHeight="1" x14ac:dyDescent="0.25">
      <c r="E805" s="37"/>
    </row>
    <row r="806" spans="5:5" ht="13.5" hidden="1" customHeight="1" x14ac:dyDescent="0.25">
      <c r="E806" s="37"/>
    </row>
    <row r="807" spans="5:5" ht="13.5" hidden="1" customHeight="1" x14ac:dyDescent="0.25">
      <c r="E807" s="37"/>
    </row>
    <row r="808" spans="5:5" ht="13.5" hidden="1" customHeight="1" x14ac:dyDescent="0.25">
      <c r="E808" s="37"/>
    </row>
    <row r="809" spans="5:5" ht="13.5" hidden="1" customHeight="1" x14ac:dyDescent="0.25">
      <c r="E809" s="37"/>
    </row>
    <row r="810" spans="5:5" ht="13.5" hidden="1" customHeight="1" x14ac:dyDescent="0.25">
      <c r="E810" s="37"/>
    </row>
    <row r="811" spans="5:5" ht="13.5" hidden="1" customHeight="1" x14ac:dyDescent="0.25">
      <c r="E811" s="37"/>
    </row>
    <row r="812" spans="5:5" ht="13.5" hidden="1" customHeight="1" x14ac:dyDescent="0.25">
      <c r="E812" s="37"/>
    </row>
    <row r="813" spans="5:5" ht="13.5" hidden="1" customHeight="1" x14ac:dyDescent="0.25">
      <c r="E813" s="37"/>
    </row>
    <row r="814" spans="5:5" ht="13.5" hidden="1" customHeight="1" x14ac:dyDescent="0.25">
      <c r="E814" s="37"/>
    </row>
    <row r="815" spans="5:5" ht="13.5" hidden="1" customHeight="1" x14ac:dyDescent="0.25">
      <c r="E815" s="37"/>
    </row>
    <row r="816" spans="5:5" ht="13.5" hidden="1" customHeight="1" x14ac:dyDescent="0.25">
      <c r="E816" s="37"/>
    </row>
    <row r="817" spans="5:5" ht="13.5" hidden="1" customHeight="1" x14ac:dyDescent="0.25">
      <c r="E817" s="37"/>
    </row>
    <row r="818" spans="5:5" ht="13.5" hidden="1" customHeight="1" x14ac:dyDescent="0.25">
      <c r="E818" s="37"/>
    </row>
    <row r="819" spans="5:5" ht="13.5" hidden="1" customHeight="1" x14ac:dyDescent="0.25">
      <c r="E819" s="37"/>
    </row>
    <row r="820" spans="5:5" ht="13.5" hidden="1" customHeight="1" x14ac:dyDescent="0.25">
      <c r="E820" s="37"/>
    </row>
    <row r="821" spans="5:5" ht="13.5" hidden="1" customHeight="1" x14ac:dyDescent="0.25">
      <c r="E821" s="37"/>
    </row>
    <row r="822" spans="5:5" ht="13.5" hidden="1" customHeight="1" x14ac:dyDescent="0.25">
      <c r="E822" s="37"/>
    </row>
    <row r="823" spans="5:5" ht="13.5" hidden="1" customHeight="1" x14ac:dyDescent="0.25">
      <c r="E823" s="37"/>
    </row>
    <row r="824" spans="5:5" ht="13.5" hidden="1" customHeight="1" x14ac:dyDescent="0.25">
      <c r="E824" s="37"/>
    </row>
    <row r="825" spans="5:5" ht="13.5" hidden="1" customHeight="1" x14ac:dyDescent="0.25">
      <c r="E825" s="37"/>
    </row>
    <row r="826" spans="5:5" ht="13.5" hidden="1" customHeight="1" x14ac:dyDescent="0.25">
      <c r="E826" s="37"/>
    </row>
    <row r="827" spans="5:5" ht="13.5" hidden="1" customHeight="1" x14ac:dyDescent="0.25">
      <c r="E827" s="37"/>
    </row>
    <row r="828" spans="5:5" ht="13.5" hidden="1" customHeight="1" x14ac:dyDescent="0.25">
      <c r="E828" s="37"/>
    </row>
    <row r="829" spans="5:5" ht="13.5" hidden="1" customHeight="1" x14ac:dyDescent="0.25">
      <c r="E829" s="37"/>
    </row>
    <row r="830" spans="5:5" ht="13.5" hidden="1" customHeight="1" x14ac:dyDescent="0.25">
      <c r="E830" s="37"/>
    </row>
    <row r="831" spans="5:5" ht="13.5" hidden="1" customHeight="1" x14ac:dyDescent="0.25">
      <c r="E831" s="37"/>
    </row>
    <row r="832" spans="5:5" ht="13.5" hidden="1" customHeight="1" x14ac:dyDescent="0.25">
      <c r="E832" s="37"/>
    </row>
    <row r="833" spans="5:5" ht="13.5" hidden="1" customHeight="1" x14ac:dyDescent="0.25">
      <c r="E833" s="37"/>
    </row>
    <row r="834" spans="5:5" ht="13.5" hidden="1" customHeight="1" x14ac:dyDescent="0.25">
      <c r="E834" s="37"/>
    </row>
    <row r="835" spans="5:5" ht="13.5" hidden="1" customHeight="1" x14ac:dyDescent="0.25">
      <c r="E835" s="37"/>
    </row>
    <row r="836" spans="5:5" ht="13.5" hidden="1" customHeight="1" x14ac:dyDescent="0.25">
      <c r="E836" s="37"/>
    </row>
    <row r="837" spans="5:5" ht="13.5" hidden="1" customHeight="1" x14ac:dyDescent="0.25">
      <c r="E837" s="37"/>
    </row>
    <row r="838" spans="5:5" ht="13.5" hidden="1" customHeight="1" x14ac:dyDescent="0.25">
      <c r="E838" s="37"/>
    </row>
    <row r="839" spans="5:5" ht="13.5" hidden="1" customHeight="1" x14ac:dyDescent="0.25">
      <c r="E839" s="37"/>
    </row>
    <row r="840" spans="5:5" ht="13.5" hidden="1" customHeight="1" x14ac:dyDescent="0.25">
      <c r="E840" s="37"/>
    </row>
    <row r="841" spans="5:5" ht="13.5" hidden="1" customHeight="1" x14ac:dyDescent="0.25">
      <c r="E841" s="37"/>
    </row>
    <row r="842" spans="5:5" ht="13.5" hidden="1" customHeight="1" x14ac:dyDescent="0.25">
      <c r="E842" s="37"/>
    </row>
    <row r="843" spans="5:5" ht="13.5" hidden="1" customHeight="1" x14ac:dyDescent="0.25">
      <c r="E843" s="37"/>
    </row>
    <row r="844" spans="5:5" ht="13.5" hidden="1" customHeight="1" x14ac:dyDescent="0.25">
      <c r="E844" s="37"/>
    </row>
    <row r="845" spans="5:5" ht="13.5" hidden="1" customHeight="1" x14ac:dyDescent="0.25">
      <c r="E845" s="37"/>
    </row>
    <row r="846" spans="5:5" ht="13.5" hidden="1" customHeight="1" x14ac:dyDescent="0.25">
      <c r="E846" s="37"/>
    </row>
    <row r="847" spans="5:5" ht="13.5" hidden="1" customHeight="1" x14ac:dyDescent="0.25">
      <c r="E847" s="37"/>
    </row>
    <row r="848" spans="5:5" ht="13.5" hidden="1" customHeight="1" x14ac:dyDescent="0.25">
      <c r="E848" s="37"/>
    </row>
    <row r="849" spans="5:5" ht="13.5" hidden="1" customHeight="1" x14ac:dyDescent="0.25">
      <c r="E849" s="37"/>
    </row>
    <row r="850" spans="5:5" ht="13.5" hidden="1" customHeight="1" x14ac:dyDescent="0.25">
      <c r="E850" s="37"/>
    </row>
    <row r="851" spans="5:5" ht="13.5" hidden="1" customHeight="1" x14ac:dyDescent="0.25">
      <c r="E851" s="37"/>
    </row>
    <row r="852" spans="5:5" ht="13.5" hidden="1" customHeight="1" x14ac:dyDescent="0.25">
      <c r="E852" s="37"/>
    </row>
    <row r="853" spans="5:5" ht="13.5" hidden="1" customHeight="1" x14ac:dyDescent="0.25">
      <c r="E853" s="37"/>
    </row>
    <row r="854" spans="5:5" ht="13.5" hidden="1" customHeight="1" x14ac:dyDescent="0.25">
      <c r="E854" s="37"/>
    </row>
    <row r="855" spans="5:5" ht="13.5" hidden="1" customHeight="1" x14ac:dyDescent="0.25">
      <c r="E855" s="37"/>
    </row>
    <row r="856" spans="5:5" ht="13.5" hidden="1" customHeight="1" x14ac:dyDescent="0.25">
      <c r="E856" s="37"/>
    </row>
    <row r="857" spans="5:5" ht="13.5" hidden="1" customHeight="1" x14ac:dyDescent="0.25">
      <c r="E857" s="37"/>
    </row>
    <row r="858" spans="5:5" ht="13.5" hidden="1" customHeight="1" x14ac:dyDescent="0.25">
      <c r="E858" s="37"/>
    </row>
    <row r="859" spans="5:5" ht="13.5" hidden="1" customHeight="1" x14ac:dyDescent="0.25">
      <c r="E859" s="37"/>
    </row>
    <row r="860" spans="5:5" ht="13.5" hidden="1" customHeight="1" x14ac:dyDescent="0.25">
      <c r="E860" s="37"/>
    </row>
    <row r="861" spans="5:5" ht="13.5" hidden="1" customHeight="1" x14ac:dyDescent="0.25">
      <c r="E861" s="37"/>
    </row>
    <row r="862" spans="5:5" ht="13.5" hidden="1" customHeight="1" x14ac:dyDescent="0.25">
      <c r="E862" s="37"/>
    </row>
    <row r="863" spans="5:5" ht="13.5" hidden="1" customHeight="1" x14ac:dyDescent="0.25">
      <c r="E863" s="37"/>
    </row>
    <row r="864" spans="5:5" ht="13.5" hidden="1" customHeight="1" x14ac:dyDescent="0.25">
      <c r="E864" s="37"/>
    </row>
    <row r="865" spans="5:5" ht="13.5" hidden="1" customHeight="1" x14ac:dyDescent="0.25">
      <c r="E865" s="37"/>
    </row>
    <row r="866" spans="5:5" ht="13.5" hidden="1" customHeight="1" x14ac:dyDescent="0.25">
      <c r="E866" s="37"/>
    </row>
    <row r="867" spans="5:5" ht="13.5" hidden="1" customHeight="1" x14ac:dyDescent="0.25">
      <c r="E867" s="37"/>
    </row>
    <row r="868" spans="5:5" ht="13.5" hidden="1" customHeight="1" x14ac:dyDescent="0.25">
      <c r="E868" s="37"/>
    </row>
    <row r="869" spans="5:5" ht="13.5" hidden="1" customHeight="1" x14ac:dyDescent="0.25">
      <c r="E869" s="37"/>
    </row>
    <row r="870" spans="5:5" ht="13.5" hidden="1" customHeight="1" x14ac:dyDescent="0.25">
      <c r="E870" s="37"/>
    </row>
    <row r="871" spans="5:5" ht="13.5" hidden="1" customHeight="1" x14ac:dyDescent="0.25">
      <c r="E871" s="37"/>
    </row>
    <row r="872" spans="5:5" ht="13.5" hidden="1" customHeight="1" x14ac:dyDescent="0.25">
      <c r="E872" s="37"/>
    </row>
    <row r="873" spans="5:5" ht="13.5" hidden="1" customHeight="1" x14ac:dyDescent="0.25">
      <c r="E873" s="37"/>
    </row>
    <row r="874" spans="5:5" ht="13.5" hidden="1" customHeight="1" x14ac:dyDescent="0.25">
      <c r="E874" s="37"/>
    </row>
    <row r="875" spans="5:5" ht="13.5" hidden="1" customHeight="1" x14ac:dyDescent="0.25">
      <c r="E875" s="37"/>
    </row>
    <row r="876" spans="5:5" ht="13.5" hidden="1" customHeight="1" x14ac:dyDescent="0.25">
      <c r="E876" s="37"/>
    </row>
    <row r="877" spans="5:5" ht="13.5" hidden="1" customHeight="1" x14ac:dyDescent="0.25">
      <c r="E877" s="37"/>
    </row>
    <row r="878" spans="5:5" ht="13.5" hidden="1" customHeight="1" x14ac:dyDescent="0.25">
      <c r="E878" s="37"/>
    </row>
    <row r="879" spans="5:5" ht="13.5" hidden="1" customHeight="1" x14ac:dyDescent="0.25">
      <c r="E879" s="37"/>
    </row>
    <row r="880" spans="5:5" ht="13.5" hidden="1" customHeight="1" x14ac:dyDescent="0.25">
      <c r="E880" s="37"/>
    </row>
    <row r="881" spans="5:5" ht="13.5" hidden="1" customHeight="1" x14ac:dyDescent="0.25">
      <c r="E881" s="37"/>
    </row>
    <row r="882" spans="5:5" ht="13.5" hidden="1" customHeight="1" x14ac:dyDescent="0.25">
      <c r="E882" s="37"/>
    </row>
    <row r="883" spans="5:5" ht="13.5" hidden="1" customHeight="1" x14ac:dyDescent="0.25">
      <c r="E883" s="37"/>
    </row>
    <row r="884" spans="5:5" ht="13.5" hidden="1" customHeight="1" x14ac:dyDescent="0.25">
      <c r="E884" s="37"/>
    </row>
    <row r="885" spans="5:5" ht="13.5" hidden="1" customHeight="1" x14ac:dyDescent="0.25">
      <c r="E885" s="37"/>
    </row>
    <row r="886" spans="5:5" ht="13.5" hidden="1" customHeight="1" x14ac:dyDescent="0.25">
      <c r="E886" s="37"/>
    </row>
    <row r="887" spans="5:5" ht="13.5" hidden="1" customHeight="1" x14ac:dyDescent="0.25">
      <c r="E887" s="37"/>
    </row>
    <row r="888" spans="5:5" ht="13.5" hidden="1" customHeight="1" x14ac:dyDescent="0.25">
      <c r="E888" s="37"/>
    </row>
    <row r="889" spans="5:5" ht="13.5" hidden="1" customHeight="1" x14ac:dyDescent="0.25">
      <c r="E889" s="37"/>
    </row>
    <row r="890" spans="5:5" ht="13.5" hidden="1" customHeight="1" x14ac:dyDescent="0.25">
      <c r="E890" s="37"/>
    </row>
    <row r="891" spans="5:5" ht="13.5" hidden="1" customHeight="1" x14ac:dyDescent="0.25">
      <c r="E891" s="37"/>
    </row>
    <row r="892" spans="5:5" ht="13.5" hidden="1" customHeight="1" x14ac:dyDescent="0.25">
      <c r="E892" s="37"/>
    </row>
    <row r="893" spans="5:5" ht="13.5" hidden="1" customHeight="1" x14ac:dyDescent="0.25">
      <c r="E893" s="37"/>
    </row>
    <row r="894" spans="5:5" ht="13.5" hidden="1" customHeight="1" x14ac:dyDescent="0.25">
      <c r="E894" s="37"/>
    </row>
    <row r="895" spans="5:5" ht="13.5" hidden="1" customHeight="1" x14ac:dyDescent="0.25">
      <c r="E895" s="37"/>
    </row>
    <row r="896" spans="5:5" ht="13.5" hidden="1" customHeight="1" x14ac:dyDescent="0.25">
      <c r="E896" s="37"/>
    </row>
    <row r="897" spans="5:5" ht="13.5" hidden="1" customHeight="1" x14ac:dyDescent="0.25">
      <c r="E897" s="37"/>
    </row>
    <row r="898" spans="5:5" ht="13.5" hidden="1" customHeight="1" x14ac:dyDescent="0.25">
      <c r="E898" s="37"/>
    </row>
    <row r="899" spans="5:5" ht="13.5" hidden="1" customHeight="1" x14ac:dyDescent="0.25">
      <c r="E899" s="37"/>
    </row>
    <row r="900" spans="5:5" ht="13.5" hidden="1" customHeight="1" x14ac:dyDescent="0.25">
      <c r="E900" s="37"/>
    </row>
    <row r="901" spans="5:5" ht="13.5" hidden="1" customHeight="1" x14ac:dyDescent="0.25">
      <c r="E901" s="37"/>
    </row>
    <row r="902" spans="5:5" ht="13.5" hidden="1" customHeight="1" x14ac:dyDescent="0.25">
      <c r="E902" s="37"/>
    </row>
    <row r="903" spans="5:5" ht="13.5" hidden="1" customHeight="1" x14ac:dyDescent="0.25">
      <c r="E903" s="37"/>
    </row>
    <row r="904" spans="5:5" ht="13.5" hidden="1" customHeight="1" x14ac:dyDescent="0.25">
      <c r="E904" s="37"/>
    </row>
    <row r="905" spans="5:5" ht="13.5" hidden="1" customHeight="1" x14ac:dyDescent="0.25">
      <c r="E905" s="37"/>
    </row>
    <row r="906" spans="5:5" ht="13.5" hidden="1" customHeight="1" x14ac:dyDescent="0.25">
      <c r="E906" s="37"/>
    </row>
    <row r="907" spans="5:5" ht="13.5" hidden="1" customHeight="1" x14ac:dyDescent="0.25">
      <c r="E907" s="37"/>
    </row>
    <row r="908" spans="5:5" ht="13.5" hidden="1" customHeight="1" x14ac:dyDescent="0.25">
      <c r="E908" s="37"/>
    </row>
    <row r="909" spans="5:5" ht="13.5" hidden="1" customHeight="1" x14ac:dyDescent="0.25">
      <c r="E909" s="37"/>
    </row>
    <row r="910" spans="5:5" ht="13.5" hidden="1" customHeight="1" x14ac:dyDescent="0.25">
      <c r="E910" s="37"/>
    </row>
    <row r="911" spans="5:5" ht="13.5" hidden="1" customHeight="1" x14ac:dyDescent="0.25">
      <c r="E911" s="37"/>
    </row>
    <row r="912" spans="5:5" ht="13.5" hidden="1" customHeight="1" x14ac:dyDescent="0.25">
      <c r="E912" s="37"/>
    </row>
    <row r="913" spans="5:5" ht="13.5" hidden="1" customHeight="1" x14ac:dyDescent="0.25">
      <c r="E913" s="37"/>
    </row>
    <row r="914" spans="5:5" ht="13.5" hidden="1" customHeight="1" x14ac:dyDescent="0.25">
      <c r="E914" s="37"/>
    </row>
    <row r="915" spans="5:5" ht="13.5" hidden="1" customHeight="1" x14ac:dyDescent="0.25">
      <c r="E915" s="37"/>
    </row>
    <row r="916" spans="5:5" ht="13.5" hidden="1" customHeight="1" x14ac:dyDescent="0.25">
      <c r="E916" s="37"/>
    </row>
    <row r="917" spans="5:5" ht="13.5" hidden="1" customHeight="1" x14ac:dyDescent="0.25">
      <c r="E917" s="37"/>
    </row>
    <row r="918" spans="5:5" ht="13.5" hidden="1" customHeight="1" x14ac:dyDescent="0.25">
      <c r="E918" s="37"/>
    </row>
    <row r="919" spans="5:5" ht="13.5" hidden="1" customHeight="1" x14ac:dyDescent="0.25">
      <c r="E919" s="37"/>
    </row>
    <row r="920" spans="5:5" ht="13.5" hidden="1" customHeight="1" x14ac:dyDescent="0.25">
      <c r="E920" s="37"/>
    </row>
    <row r="921" spans="5:5" ht="13.5" hidden="1" customHeight="1" x14ac:dyDescent="0.25">
      <c r="E921" s="37"/>
    </row>
    <row r="922" spans="5:5" ht="13.5" hidden="1" customHeight="1" x14ac:dyDescent="0.25">
      <c r="E922" s="37"/>
    </row>
    <row r="923" spans="5:5" ht="13.5" hidden="1" customHeight="1" x14ac:dyDescent="0.25">
      <c r="E923" s="37"/>
    </row>
    <row r="924" spans="5:5" ht="13.5" hidden="1" customHeight="1" x14ac:dyDescent="0.25">
      <c r="E924" s="37"/>
    </row>
    <row r="925" spans="5:5" ht="13.5" hidden="1" customHeight="1" x14ac:dyDescent="0.25">
      <c r="E925" s="37"/>
    </row>
    <row r="926" spans="5:5" ht="13.5" hidden="1" customHeight="1" x14ac:dyDescent="0.25">
      <c r="E926" s="37"/>
    </row>
    <row r="927" spans="5:5" ht="13.5" hidden="1" customHeight="1" x14ac:dyDescent="0.25">
      <c r="E927" s="37"/>
    </row>
    <row r="928" spans="5:5" ht="13.5" hidden="1" customHeight="1" x14ac:dyDescent="0.25">
      <c r="E928" s="37"/>
    </row>
    <row r="929" spans="5:5" ht="13.5" hidden="1" customHeight="1" x14ac:dyDescent="0.25">
      <c r="E929" s="37"/>
    </row>
    <row r="930" spans="5:5" ht="13.5" hidden="1" customHeight="1" x14ac:dyDescent="0.25">
      <c r="E930" s="37"/>
    </row>
    <row r="931" spans="5:5" ht="13.5" hidden="1" customHeight="1" x14ac:dyDescent="0.25">
      <c r="E931" s="37"/>
    </row>
    <row r="932" spans="5:5" ht="13.5" hidden="1" customHeight="1" x14ac:dyDescent="0.25">
      <c r="E932" s="37"/>
    </row>
    <row r="933" spans="5:5" ht="13.5" hidden="1" customHeight="1" x14ac:dyDescent="0.25">
      <c r="E933" s="37"/>
    </row>
    <row r="934" spans="5:5" ht="13.5" hidden="1" customHeight="1" x14ac:dyDescent="0.25">
      <c r="E934" s="37"/>
    </row>
    <row r="935" spans="5:5" ht="13.5" hidden="1" customHeight="1" x14ac:dyDescent="0.25">
      <c r="E935" s="37"/>
    </row>
    <row r="936" spans="5:5" ht="13.5" hidden="1" customHeight="1" x14ac:dyDescent="0.25">
      <c r="E936" s="37"/>
    </row>
    <row r="937" spans="5:5" ht="13.5" hidden="1" customHeight="1" x14ac:dyDescent="0.25">
      <c r="E937" s="37"/>
    </row>
    <row r="938" spans="5:5" ht="13.5" hidden="1" customHeight="1" x14ac:dyDescent="0.25">
      <c r="E938" s="37"/>
    </row>
    <row r="939" spans="5:5" ht="13.5" hidden="1" customHeight="1" x14ac:dyDescent="0.25">
      <c r="E939" s="37"/>
    </row>
    <row r="940" spans="5:5" ht="13.5" hidden="1" customHeight="1" x14ac:dyDescent="0.25">
      <c r="E940" s="37"/>
    </row>
    <row r="941" spans="5:5" ht="13.5" hidden="1" customHeight="1" x14ac:dyDescent="0.25">
      <c r="E941" s="37"/>
    </row>
    <row r="942" spans="5:5" ht="13.5" hidden="1" customHeight="1" x14ac:dyDescent="0.25">
      <c r="E942" s="37"/>
    </row>
    <row r="943" spans="5:5" ht="13.5" hidden="1" customHeight="1" x14ac:dyDescent="0.25">
      <c r="E943" s="37"/>
    </row>
    <row r="944" spans="5:5" ht="13.5" hidden="1" customHeight="1" x14ac:dyDescent="0.25">
      <c r="E944" s="37"/>
    </row>
    <row r="945" spans="5:5" ht="13.5" hidden="1" customHeight="1" x14ac:dyDescent="0.25">
      <c r="E945" s="37"/>
    </row>
    <row r="946" spans="5:5" ht="13.5" hidden="1" customHeight="1" x14ac:dyDescent="0.25">
      <c r="E946" s="37"/>
    </row>
    <row r="947" spans="5:5" ht="13.5" hidden="1" customHeight="1" x14ac:dyDescent="0.25">
      <c r="E947" s="37"/>
    </row>
    <row r="948" spans="5:5" ht="13.5" hidden="1" customHeight="1" x14ac:dyDescent="0.25">
      <c r="E948" s="37"/>
    </row>
    <row r="949" spans="5:5" ht="13.5" hidden="1" customHeight="1" x14ac:dyDescent="0.25">
      <c r="E949" s="37"/>
    </row>
    <row r="950" spans="5:5" ht="13.5" hidden="1" customHeight="1" x14ac:dyDescent="0.25">
      <c r="E950" s="37"/>
    </row>
    <row r="951" spans="5:5" ht="13.5" hidden="1" customHeight="1" x14ac:dyDescent="0.25">
      <c r="E951" s="37"/>
    </row>
    <row r="952" spans="5:5" ht="13.5" hidden="1" customHeight="1" x14ac:dyDescent="0.25">
      <c r="E952" s="37"/>
    </row>
    <row r="953" spans="5:5" ht="13.5" hidden="1" customHeight="1" x14ac:dyDescent="0.25">
      <c r="E953" s="37"/>
    </row>
    <row r="954" spans="5:5" ht="13.5" hidden="1" customHeight="1" x14ac:dyDescent="0.25">
      <c r="E954" s="37"/>
    </row>
    <row r="955" spans="5:5" ht="13.5" hidden="1" customHeight="1" x14ac:dyDescent="0.25">
      <c r="E955" s="37"/>
    </row>
    <row r="956" spans="5:5" ht="13.5" hidden="1" customHeight="1" x14ac:dyDescent="0.25">
      <c r="E956" s="37"/>
    </row>
    <row r="957" spans="5:5" ht="13.5" hidden="1" customHeight="1" x14ac:dyDescent="0.25">
      <c r="E957" s="37"/>
    </row>
    <row r="958" spans="5:5" ht="13.5" hidden="1" customHeight="1" x14ac:dyDescent="0.25">
      <c r="E958" s="37"/>
    </row>
    <row r="959" spans="5:5" ht="13.5" hidden="1" customHeight="1" x14ac:dyDescent="0.25">
      <c r="E959" s="37"/>
    </row>
    <row r="960" spans="5:5" ht="13.5" hidden="1" customHeight="1" x14ac:dyDescent="0.25">
      <c r="E960" s="37"/>
    </row>
    <row r="961" spans="5:5" ht="13.5" hidden="1" customHeight="1" x14ac:dyDescent="0.25">
      <c r="E961" s="37"/>
    </row>
    <row r="962" spans="5:5" ht="13.5" hidden="1" customHeight="1" x14ac:dyDescent="0.25">
      <c r="E962" s="37"/>
    </row>
    <row r="963" spans="5:5" ht="13.5" hidden="1" customHeight="1" x14ac:dyDescent="0.25">
      <c r="E963" s="37"/>
    </row>
    <row r="964" spans="5:5" ht="13.5" hidden="1" customHeight="1" x14ac:dyDescent="0.25">
      <c r="E964" s="37"/>
    </row>
    <row r="965" spans="5:5" ht="13.5" hidden="1" customHeight="1" x14ac:dyDescent="0.25">
      <c r="E965" s="37"/>
    </row>
    <row r="966" spans="5:5" ht="13.5" hidden="1" customHeight="1" x14ac:dyDescent="0.25">
      <c r="E966" s="37"/>
    </row>
    <row r="967" spans="5:5" ht="13.5" hidden="1" customHeight="1" x14ac:dyDescent="0.25">
      <c r="E967" s="37"/>
    </row>
    <row r="968" spans="5:5" ht="13.5" hidden="1" customHeight="1" x14ac:dyDescent="0.25">
      <c r="E968" s="37"/>
    </row>
    <row r="969" spans="5:5" ht="13.5" hidden="1" customHeight="1" x14ac:dyDescent="0.25">
      <c r="E969" s="37"/>
    </row>
    <row r="970" spans="5:5" ht="13.5" hidden="1" customHeight="1" x14ac:dyDescent="0.25">
      <c r="E970" s="37"/>
    </row>
    <row r="971" spans="5:5" ht="13.5" hidden="1" customHeight="1" x14ac:dyDescent="0.25">
      <c r="E971" s="37"/>
    </row>
    <row r="972" spans="5:5" ht="13.5" hidden="1" customHeight="1" x14ac:dyDescent="0.25">
      <c r="E972" s="37"/>
    </row>
    <row r="973" spans="5:5" ht="13.5" hidden="1" customHeight="1" x14ac:dyDescent="0.25">
      <c r="E973" s="37"/>
    </row>
    <row r="974" spans="5:5" ht="13.5" hidden="1" customHeight="1" x14ac:dyDescent="0.25">
      <c r="E974" s="37"/>
    </row>
    <row r="975" spans="5:5" ht="13.5" hidden="1" customHeight="1" x14ac:dyDescent="0.25">
      <c r="E975" s="37"/>
    </row>
    <row r="976" spans="5:5" ht="13.5" hidden="1" customHeight="1" x14ac:dyDescent="0.25">
      <c r="E976" s="37"/>
    </row>
    <row r="977" spans="5:5" ht="13.5" hidden="1" customHeight="1" x14ac:dyDescent="0.25">
      <c r="E977" s="37"/>
    </row>
    <row r="978" spans="5:5" ht="13.5" hidden="1" customHeight="1" x14ac:dyDescent="0.25">
      <c r="E978" s="37"/>
    </row>
    <row r="979" spans="5:5" ht="13.5" hidden="1" customHeight="1" x14ac:dyDescent="0.25">
      <c r="E979" s="37"/>
    </row>
    <row r="980" spans="5:5" ht="13.5" hidden="1" customHeight="1" x14ac:dyDescent="0.25">
      <c r="E980" s="37"/>
    </row>
    <row r="981" spans="5:5" ht="13.5" hidden="1" customHeight="1" x14ac:dyDescent="0.25">
      <c r="E981" s="37"/>
    </row>
    <row r="982" spans="5:5" ht="13.5" hidden="1" customHeight="1" x14ac:dyDescent="0.25">
      <c r="E982" s="37"/>
    </row>
    <row r="983" spans="5:5" ht="13.5" hidden="1" customHeight="1" x14ac:dyDescent="0.25">
      <c r="E983" s="37"/>
    </row>
    <row r="984" spans="5:5" ht="13.5" hidden="1" customHeight="1" x14ac:dyDescent="0.25">
      <c r="E984" s="37"/>
    </row>
    <row r="985" spans="5:5" ht="13.5" hidden="1" customHeight="1" x14ac:dyDescent="0.25">
      <c r="E985" s="37"/>
    </row>
    <row r="986" spans="5:5" ht="13.5" hidden="1" customHeight="1" x14ac:dyDescent="0.25">
      <c r="E986" s="37"/>
    </row>
    <row r="987" spans="5:5" ht="13.5" hidden="1" customHeight="1" x14ac:dyDescent="0.25">
      <c r="E987" s="37"/>
    </row>
    <row r="988" spans="5:5" ht="13.5" hidden="1" customHeight="1" x14ac:dyDescent="0.25">
      <c r="E988" s="37"/>
    </row>
    <row r="989" spans="5:5" ht="13.5" hidden="1" customHeight="1" x14ac:dyDescent="0.25">
      <c r="E989" s="37"/>
    </row>
    <row r="990" spans="5:5" ht="13.5" hidden="1" customHeight="1" x14ac:dyDescent="0.25">
      <c r="E990" s="37"/>
    </row>
    <row r="991" spans="5:5" ht="13.5" hidden="1" customHeight="1" x14ac:dyDescent="0.25">
      <c r="E991" s="37"/>
    </row>
    <row r="992" spans="5:5" ht="13.5" hidden="1" customHeight="1" x14ac:dyDescent="0.25">
      <c r="E992" s="37"/>
    </row>
    <row r="993" spans="5:5" ht="13.5" hidden="1" customHeight="1" x14ac:dyDescent="0.25">
      <c r="E993" s="37"/>
    </row>
    <row r="994" spans="5:5" ht="13.5" hidden="1" customHeight="1" x14ac:dyDescent="0.25">
      <c r="E994" s="37"/>
    </row>
    <row r="995" spans="5:5" ht="13.5" hidden="1" customHeight="1" x14ac:dyDescent="0.25">
      <c r="E995" s="37"/>
    </row>
    <row r="996" spans="5:5" ht="13.5" hidden="1" customHeight="1" x14ac:dyDescent="0.25">
      <c r="E996" s="37"/>
    </row>
    <row r="997" spans="5:5" ht="13.5" hidden="1" customHeight="1" x14ac:dyDescent="0.25">
      <c r="E997" s="37"/>
    </row>
    <row r="998" spans="5:5" ht="13.5" hidden="1" customHeight="1" x14ac:dyDescent="0.25">
      <c r="E998" s="37"/>
    </row>
    <row r="999" spans="5:5" ht="13.5" hidden="1" customHeight="1" x14ac:dyDescent="0.25">
      <c r="E999" s="37"/>
    </row>
    <row r="1000" spans="5:5" ht="13.5" hidden="1" customHeight="1" x14ac:dyDescent="0.25">
      <c r="E1000" s="37"/>
    </row>
  </sheetData>
  <mergeCells count="17">
    <mergeCell ref="A1:E4"/>
    <mergeCell ref="A5:E5"/>
    <mergeCell ref="A6:E6"/>
    <mergeCell ref="A10:E10"/>
    <mergeCell ref="A11:E11"/>
    <mergeCell ref="A15:E15"/>
    <mergeCell ref="A16:E16"/>
    <mergeCell ref="A36:E36"/>
    <mergeCell ref="A40:E40"/>
    <mergeCell ref="A41:E41"/>
    <mergeCell ref="A20:E20"/>
    <mergeCell ref="A21:E21"/>
    <mergeCell ref="A25:E25"/>
    <mergeCell ref="A26:E26"/>
    <mergeCell ref="A30:E30"/>
    <mergeCell ref="A31:E31"/>
    <mergeCell ref="A35:E35"/>
  </mergeCells>
  <pageMargins left="0.7" right="0.7" top="0.75" bottom="0.75" header="0" footer="0"/>
  <pageSetup orientation="portrait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600-000000000000}">
  <sheetPr>
    <tabColor theme="0"/>
  </sheetPr>
  <dimension ref="A1:Z1000"/>
  <sheetViews>
    <sheetView workbookViewId="0">
      <selection sqref="A1:F4"/>
    </sheetView>
  </sheetViews>
  <sheetFormatPr defaultColWidth="0" defaultRowHeight="15" customHeight="1" zeroHeight="1" x14ac:dyDescent="0.25"/>
  <cols>
    <col min="1" max="1" width="2.69921875" customWidth="1"/>
    <col min="2" max="4" width="24.59765625" customWidth="1"/>
    <col min="5" max="6" width="13.59765625" customWidth="1"/>
    <col min="7" max="26" width="8.59765625" hidden="1" customWidth="1"/>
    <col min="27" max="16384" width="12.59765625" hidden="1"/>
  </cols>
  <sheetData>
    <row r="1" spans="1:26" ht="14.25" customHeight="1" x14ac:dyDescent="0.25">
      <c r="A1" s="58" t="s">
        <v>77</v>
      </c>
      <c r="B1" s="59"/>
      <c r="C1" s="59"/>
      <c r="D1" s="59"/>
      <c r="E1" s="59"/>
      <c r="F1" s="60"/>
    </row>
    <row r="2" spans="1:26" ht="14.25" customHeight="1" x14ac:dyDescent="0.25">
      <c r="A2" s="61"/>
      <c r="B2" s="62"/>
      <c r="C2" s="62"/>
      <c r="D2" s="62"/>
      <c r="E2" s="62"/>
      <c r="F2" s="63"/>
    </row>
    <row r="3" spans="1:26" ht="14.25" customHeight="1" x14ac:dyDescent="0.25">
      <c r="A3" s="61"/>
      <c r="B3" s="62"/>
      <c r="C3" s="62"/>
      <c r="D3" s="62"/>
      <c r="E3" s="62"/>
      <c r="F3" s="63"/>
    </row>
    <row r="4" spans="1:26" ht="15" customHeight="1" x14ac:dyDescent="0.25">
      <c r="A4" s="64"/>
      <c r="B4" s="65"/>
      <c r="C4" s="65"/>
      <c r="D4" s="65"/>
      <c r="E4" s="65"/>
      <c r="F4" s="66"/>
    </row>
    <row r="5" spans="1:26" ht="15" customHeight="1" x14ac:dyDescent="0.25">
      <c r="A5" s="104"/>
      <c r="B5" s="62"/>
      <c r="C5" s="62"/>
      <c r="D5" s="62"/>
      <c r="E5" s="62"/>
      <c r="F5" s="62"/>
      <c r="G5" s="62"/>
      <c r="H5" s="62"/>
      <c r="I5" s="62"/>
      <c r="J5" s="62"/>
      <c r="K5" s="62"/>
      <c r="L5" s="62"/>
      <c r="M5" s="62"/>
      <c r="N5" s="46"/>
      <c r="O5" s="46"/>
      <c r="P5" s="46"/>
      <c r="Q5" s="46"/>
      <c r="R5" s="46"/>
      <c r="S5" s="46"/>
      <c r="T5" s="46"/>
      <c r="U5" s="46"/>
      <c r="V5" s="46"/>
      <c r="W5" s="46"/>
      <c r="X5" s="46"/>
      <c r="Y5" s="46"/>
      <c r="Z5" s="46"/>
    </row>
    <row r="6" spans="1:26" ht="15" customHeight="1" x14ac:dyDescent="0.25">
      <c r="A6" s="105" t="str">
        <f>MAIN!A12</f>
        <v>CHURCH NAME:</v>
      </c>
      <c r="B6" s="80"/>
      <c r="C6" s="106">
        <f>MAIN!B12</f>
        <v>0</v>
      </c>
      <c r="D6" s="78"/>
      <c r="E6" s="78"/>
      <c r="F6" s="80"/>
    </row>
    <row r="7" spans="1:26" ht="15" customHeight="1" x14ac:dyDescent="0.25">
      <c r="A7" s="105" t="str">
        <f>MAIN!A13</f>
        <v>CHURCH ACRONYM:</v>
      </c>
      <c r="B7" s="80"/>
      <c r="C7" s="106">
        <f>MAIN!B13</f>
        <v>0</v>
      </c>
      <c r="D7" s="78"/>
      <c r="E7" s="78"/>
      <c r="F7" s="80"/>
    </row>
    <row r="8" spans="1:26" ht="14.25" customHeight="1" x14ac:dyDescent="0.3">
      <c r="A8" s="98"/>
      <c r="B8" s="78"/>
      <c r="C8" s="78"/>
      <c r="D8" s="78"/>
      <c r="E8" s="78"/>
      <c r="F8" s="78"/>
      <c r="G8" s="39"/>
    </row>
    <row r="9" spans="1:26" ht="15.75" customHeight="1" x14ac:dyDescent="0.3">
      <c r="A9" s="79" t="s">
        <v>78</v>
      </c>
      <c r="B9" s="78"/>
      <c r="C9" s="78"/>
      <c r="D9" s="78"/>
      <c r="E9" s="78"/>
      <c r="F9" s="80"/>
      <c r="G9" s="39"/>
    </row>
    <row r="10" spans="1:26" ht="15.75" customHeight="1" x14ac:dyDescent="0.3">
      <c r="A10" s="47">
        <f>SOLO!A8</f>
        <v>1</v>
      </c>
      <c r="B10" s="47" t="str">
        <f>SOLO!B8</f>
        <v>KINDERGARTEN</v>
      </c>
      <c r="C10" s="47">
        <f>SOLO!C8</f>
        <v>0</v>
      </c>
      <c r="D10" s="47">
        <f>SOLO!D8</f>
        <v>0</v>
      </c>
      <c r="E10" s="48">
        <f>SOLO!E8</f>
        <v>0</v>
      </c>
      <c r="F10" s="47">
        <f>SOLO!F8</f>
        <v>0</v>
      </c>
      <c r="G10" s="39"/>
    </row>
    <row r="11" spans="1:26" ht="15.75" customHeight="1" x14ac:dyDescent="0.3">
      <c r="A11" s="47">
        <f>SOLO!A9</f>
        <v>2</v>
      </c>
      <c r="B11" s="47" t="str">
        <f>SOLO!B9</f>
        <v>KINDERGARTEN</v>
      </c>
      <c r="C11" s="47">
        <f>SOLO!C9</f>
        <v>0</v>
      </c>
      <c r="D11" s="47">
        <f>SOLO!D9</f>
        <v>0</v>
      </c>
      <c r="E11" s="48">
        <f>SOLO!E9</f>
        <v>0</v>
      </c>
      <c r="F11" s="47">
        <f>SOLO!F9</f>
        <v>0</v>
      </c>
      <c r="G11" s="39"/>
    </row>
    <row r="12" spans="1:26" ht="15.75" customHeight="1" x14ac:dyDescent="0.3">
      <c r="A12" s="47">
        <f>SOLO!A13</f>
        <v>1</v>
      </c>
      <c r="B12" s="47" t="str">
        <f>SOLO!B13</f>
        <v>PRIMARY</v>
      </c>
      <c r="C12" s="47">
        <f>SOLO!C13</f>
        <v>0</v>
      </c>
      <c r="D12" s="47">
        <f>SOLO!D13</f>
        <v>0</v>
      </c>
      <c r="E12" s="48">
        <f>SOLO!E13</f>
        <v>0</v>
      </c>
      <c r="F12" s="47">
        <f>SOLO!F13</f>
        <v>0</v>
      </c>
      <c r="G12" s="39"/>
    </row>
    <row r="13" spans="1:26" ht="15.75" customHeight="1" x14ac:dyDescent="0.3">
      <c r="A13" s="47">
        <f>SOLO!A14</f>
        <v>2</v>
      </c>
      <c r="B13" s="47" t="str">
        <f>SOLO!B14</f>
        <v>PRIMARY</v>
      </c>
      <c r="C13" s="47">
        <f>SOLO!C14</f>
        <v>0</v>
      </c>
      <c r="D13" s="47">
        <f>SOLO!D14</f>
        <v>0</v>
      </c>
      <c r="E13" s="48">
        <f>SOLO!E14</f>
        <v>0</v>
      </c>
      <c r="F13" s="47">
        <f>SOLO!F14</f>
        <v>0</v>
      </c>
      <c r="G13" s="39"/>
    </row>
    <row r="14" spans="1:26" ht="15.75" customHeight="1" x14ac:dyDescent="0.3">
      <c r="A14" s="47">
        <f>SOLO!A18</f>
        <v>1</v>
      </c>
      <c r="B14" s="47" t="str">
        <f>SOLO!B18</f>
        <v>MIDDLERS</v>
      </c>
      <c r="C14" s="47">
        <f>SOLO!C18</f>
        <v>0</v>
      </c>
      <c r="D14" s="47">
        <f>SOLO!D18</f>
        <v>0</v>
      </c>
      <c r="E14" s="48">
        <f>SOLO!E18</f>
        <v>0</v>
      </c>
      <c r="F14" s="47">
        <f>SOLO!F18</f>
        <v>0</v>
      </c>
      <c r="G14" s="39"/>
    </row>
    <row r="15" spans="1:26" ht="15.75" customHeight="1" x14ac:dyDescent="0.3">
      <c r="A15" s="47">
        <f>SOLO!A19</f>
        <v>2</v>
      </c>
      <c r="B15" s="47" t="str">
        <f>SOLO!B19</f>
        <v>MIDDLERS</v>
      </c>
      <c r="C15" s="47">
        <f>SOLO!C19</f>
        <v>0</v>
      </c>
      <c r="D15" s="47">
        <f>SOLO!D19</f>
        <v>0</v>
      </c>
      <c r="E15" s="48">
        <f>SOLO!E19</f>
        <v>0</v>
      </c>
      <c r="F15" s="47">
        <f>SOLO!F19</f>
        <v>0</v>
      </c>
      <c r="G15" s="39"/>
    </row>
    <row r="16" spans="1:26" ht="15.75" customHeight="1" x14ac:dyDescent="0.3">
      <c r="A16" s="47">
        <f>SOLO!A23</f>
        <v>1</v>
      </c>
      <c r="B16" s="47" t="str">
        <f>SOLO!B23</f>
        <v>JUNIORS</v>
      </c>
      <c r="C16" s="47">
        <f>SOLO!C23</f>
        <v>0</v>
      </c>
      <c r="D16" s="47">
        <f>SOLO!D23</f>
        <v>0</v>
      </c>
      <c r="E16" s="48">
        <f>SOLO!E23</f>
        <v>0</v>
      </c>
      <c r="F16" s="47">
        <f>SOLO!F23</f>
        <v>0</v>
      </c>
      <c r="G16" s="39"/>
    </row>
    <row r="17" spans="1:13" ht="15.75" customHeight="1" x14ac:dyDescent="0.3">
      <c r="A17" s="47">
        <f>SOLO!A24</f>
        <v>2</v>
      </c>
      <c r="B17" s="47" t="str">
        <f>SOLO!B24</f>
        <v>JUNIORS</v>
      </c>
      <c r="C17" s="47">
        <f>SOLO!C24</f>
        <v>0</v>
      </c>
      <c r="D17" s="47">
        <f>SOLO!D24</f>
        <v>0</v>
      </c>
      <c r="E17" s="48">
        <f>SOLO!E24</f>
        <v>0</v>
      </c>
      <c r="F17" s="47">
        <f>SOLO!F24</f>
        <v>0</v>
      </c>
      <c r="G17" s="39"/>
    </row>
    <row r="18" spans="1:13" ht="15.75" customHeight="1" x14ac:dyDescent="0.3">
      <c r="A18" s="47">
        <f>SOLO!A28</f>
        <v>1</v>
      </c>
      <c r="B18" s="47" t="str">
        <f>SOLO!B28</f>
        <v>TEENS</v>
      </c>
      <c r="C18" s="47">
        <f>SOLO!C28</f>
        <v>0</v>
      </c>
      <c r="D18" s="47">
        <f>SOLO!D28</f>
        <v>0</v>
      </c>
      <c r="E18" s="48">
        <f>SOLO!E28</f>
        <v>0</v>
      </c>
      <c r="F18" s="47">
        <f>SOLO!F28</f>
        <v>0</v>
      </c>
      <c r="G18" s="39"/>
    </row>
    <row r="19" spans="1:13" ht="15.75" customHeight="1" x14ac:dyDescent="0.3">
      <c r="A19" s="47">
        <f>SOLO!A29</f>
        <v>2</v>
      </c>
      <c r="B19" s="47" t="str">
        <f>SOLO!B29</f>
        <v>TEENS</v>
      </c>
      <c r="C19" s="47">
        <f>SOLO!C29</f>
        <v>0</v>
      </c>
      <c r="D19" s="47">
        <f>SOLO!D29</f>
        <v>0</v>
      </c>
      <c r="E19" s="48">
        <f>SOLO!E29</f>
        <v>0</v>
      </c>
      <c r="F19" s="47">
        <f>SOLO!F29</f>
        <v>0</v>
      </c>
      <c r="G19" s="39"/>
    </row>
    <row r="20" spans="1:13" ht="15.75" customHeight="1" x14ac:dyDescent="0.3">
      <c r="A20" s="47">
        <f>SOLO!A33</f>
        <v>1</v>
      </c>
      <c r="B20" s="47" t="str">
        <f>SOLO!B33</f>
        <v>HIGH TEENS</v>
      </c>
      <c r="C20" s="47">
        <f>SOLO!C33</f>
        <v>0</v>
      </c>
      <c r="D20" s="47">
        <f>SOLO!D33</f>
        <v>0</v>
      </c>
      <c r="E20" s="48">
        <f>SOLO!E33</f>
        <v>0</v>
      </c>
      <c r="F20" s="47">
        <f>SOLO!F33</f>
        <v>0</v>
      </c>
      <c r="G20" s="39"/>
    </row>
    <row r="21" spans="1:13" ht="15.75" customHeight="1" x14ac:dyDescent="0.3">
      <c r="A21" s="47">
        <f>SOLO!A34</f>
        <v>2</v>
      </c>
      <c r="B21" s="47" t="str">
        <f>SOLO!B34</f>
        <v>HIGH TEENS</v>
      </c>
      <c r="C21" s="47">
        <f>SOLO!C34</f>
        <v>0</v>
      </c>
      <c r="D21" s="47">
        <f>SOLO!D34</f>
        <v>0</v>
      </c>
      <c r="E21" s="48">
        <f>SOLO!E34</f>
        <v>0</v>
      </c>
      <c r="F21" s="47">
        <f>SOLO!F34</f>
        <v>0</v>
      </c>
      <c r="G21" s="39"/>
    </row>
    <row r="22" spans="1:13" ht="15.75" customHeight="1" x14ac:dyDescent="0.3">
      <c r="A22" s="47">
        <f>SOLO!A38</f>
        <v>1</v>
      </c>
      <c r="B22" s="47" t="str">
        <f>SOLO!B38</f>
        <v>SENIORS</v>
      </c>
      <c r="C22" s="47">
        <f>SOLO!C38</f>
        <v>0</v>
      </c>
      <c r="D22" s="47">
        <f>SOLO!D38</f>
        <v>0</v>
      </c>
      <c r="E22" s="48">
        <f>SOLO!E38</f>
        <v>0</v>
      </c>
      <c r="F22" s="47">
        <f>SOLO!F38</f>
        <v>0</v>
      </c>
      <c r="G22" s="39"/>
    </row>
    <row r="23" spans="1:13" ht="15.75" customHeight="1" x14ac:dyDescent="0.3">
      <c r="A23" s="47">
        <f>SOLO!A39</f>
        <v>2</v>
      </c>
      <c r="B23" s="47" t="str">
        <f>SOLO!B39</f>
        <v>SENIORS</v>
      </c>
      <c r="C23" s="47">
        <f>SOLO!C39</f>
        <v>0</v>
      </c>
      <c r="D23" s="47">
        <f>SOLO!D39</f>
        <v>0</v>
      </c>
      <c r="E23" s="48">
        <f>SOLO!E39</f>
        <v>0</v>
      </c>
      <c r="F23" s="47">
        <f>SOLO!F39</f>
        <v>0</v>
      </c>
      <c r="G23" s="39"/>
    </row>
    <row r="24" spans="1:13" ht="15.75" customHeight="1" x14ac:dyDescent="0.3">
      <c r="A24" s="47">
        <f>SOLO!A43</f>
        <v>1</v>
      </c>
      <c r="B24" s="47" t="str">
        <f>SOLO!B43</f>
        <v>ADULTS</v>
      </c>
      <c r="C24" s="47">
        <f>SOLO!C43</f>
        <v>0</v>
      </c>
      <c r="D24" s="47">
        <f>SOLO!D43</f>
        <v>0</v>
      </c>
      <c r="E24" s="48">
        <f>SOLO!E43</f>
        <v>0</v>
      </c>
      <c r="F24" s="47">
        <f>SOLO!F43</f>
        <v>0</v>
      </c>
      <c r="G24" s="39"/>
    </row>
    <row r="25" spans="1:13" ht="15.75" customHeight="1" x14ac:dyDescent="0.3">
      <c r="A25" s="47">
        <f>SOLO!A44</f>
        <v>2</v>
      </c>
      <c r="B25" s="47" t="str">
        <f>SOLO!B44</f>
        <v>ADULTS</v>
      </c>
      <c r="C25" s="47">
        <f>SOLO!C44</f>
        <v>0</v>
      </c>
      <c r="D25" s="47">
        <f>SOLO!D44</f>
        <v>0</v>
      </c>
      <c r="E25" s="48">
        <f>SOLO!E44</f>
        <v>0</v>
      </c>
      <c r="F25" s="47">
        <f>SOLO!F44</f>
        <v>0</v>
      </c>
      <c r="G25" s="39"/>
    </row>
    <row r="26" spans="1:13" ht="14.25" customHeight="1" x14ac:dyDescent="0.3">
      <c r="A26" s="98"/>
      <c r="B26" s="78"/>
      <c r="C26" s="78"/>
      <c r="D26" s="78"/>
      <c r="E26" s="78"/>
      <c r="F26" s="102"/>
      <c r="G26" s="39"/>
    </row>
    <row r="27" spans="1:13" ht="14.25" customHeight="1" x14ac:dyDescent="0.3">
      <c r="A27" s="90" t="s">
        <v>79</v>
      </c>
      <c r="B27" s="78"/>
      <c r="C27" s="78"/>
      <c r="D27" s="78"/>
      <c r="E27" s="80"/>
      <c r="F27" s="62"/>
      <c r="G27" s="39"/>
    </row>
    <row r="28" spans="1:13" ht="14.25" customHeight="1" x14ac:dyDescent="0.3">
      <c r="A28" s="103" t="str">
        <f>'INSTRUMENTAL MUSIC'!A6</f>
        <v>KEYBOARD</v>
      </c>
      <c r="B28" s="78"/>
      <c r="C28" s="78"/>
      <c r="D28" s="78"/>
      <c r="E28" s="80"/>
      <c r="F28" s="62"/>
      <c r="G28" s="39"/>
      <c r="H28" s="39"/>
      <c r="M28" s="39"/>
    </row>
    <row r="29" spans="1:13" ht="13.5" customHeight="1" x14ac:dyDescent="0.3">
      <c r="A29" s="35">
        <v>1</v>
      </c>
      <c r="B29" s="47" t="str">
        <f>'INSTRUMENTAL MUSIC'!A8</f>
        <v>MIDDLERS AND UNDER</v>
      </c>
      <c r="C29" s="47">
        <f>'INSTRUMENTAL MUSIC'!B8</f>
        <v>0</v>
      </c>
      <c r="D29" s="47">
        <f>'INSTRUMENTAL MUSIC'!C8</f>
        <v>0</v>
      </c>
      <c r="E29" s="48">
        <f>'INSTRUMENTAL MUSIC'!D8</f>
        <v>0</v>
      </c>
      <c r="F29" s="62"/>
    </row>
    <row r="30" spans="1:13" ht="14.25" customHeight="1" x14ac:dyDescent="0.25">
      <c r="A30" s="35">
        <v>1</v>
      </c>
      <c r="B30" s="35" t="str">
        <f>'INSTRUMENTAL MUSIC'!A9</f>
        <v>JUNIORS AND TEENS</v>
      </c>
      <c r="C30" s="35">
        <f>'INSTRUMENTAL MUSIC'!B9</f>
        <v>0</v>
      </c>
      <c r="D30" s="35">
        <f>'INSTRUMENTAL MUSIC'!C9</f>
        <v>0</v>
      </c>
      <c r="E30" s="49">
        <f>'INSTRUMENTAL MUSIC'!D9</f>
        <v>0</v>
      </c>
      <c r="F30" s="62"/>
    </row>
    <row r="31" spans="1:13" ht="14.25" customHeight="1" x14ac:dyDescent="0.25">
      <c r="A31" s="35">
        <v>1</v>
      </c>
      <c r="B31" s="35" t="str">
        <f>'INSTRUMENTAL MUSIC'!A10</f>
        <v>HI-TEENS AND SENIORS</v>
      </c>
      <c r="C31" s="35">
        <f>'INSTRUMENTAL MUSIC'!B10</f>
        <v>0</v>
      </c>
      <c r="D31" s="35">
        <f>'INSTRUMENTAL MUSIC'!C10</f>
        <v>0</v>
      </c>
      <c r="E31" s="49">
        <f>'INSTRUMENTAL MUSIC'!D10</f>
        <v>0</v>
      </c>
      <c r="F31" s="62"/>
    </row>
    <row r="32" spans="1:13" ht="15" customHeight="1" x14ac:dyDescent="0.25">
      <c r="A32" s="99" t="str">
        <f>'INSTRUMENTAL MUSIC'!A12</f>
        <v>STRINGS</v>
      </c>
      <c r="B32" s="78"/>
      <c r="C32" s="78"/>
      <c r="D32" s="78"/>
      <c r="E32" s="80"/>
      <c r="F32" s="62"/>
    </row>
    <row r="33" spans="1:6" ht="14.25" customHeight="1" x14ac:dyDescent="0.25">
      <c r="A33" s="35">
        <v>1</v>
      </c>
      <c r="B33" s="35" t="str">
        <f>'INSTRUMENTAL MUSIC'!A14</f>
        <v>MIDDLERS AND UNDER</v>
      </c>
      <c r="C33" s="35">
        <f>'INSTRUMENTAL MUSIC'!B14</f>
        <v>0</v>
      </c>
      <c r="D33" s="35">
        <f>'INSTRUMENTAL MUSIC'!C14</f>
        <v>0</v>
      </c>
      <c r="E33" s="49">
        <f>'INSTRUMENTAL MUSIC'!D14</f>
        <v>0</v>
      </c>
      <c r="F33" s="62"/>
    </row>
    <row r="34" spans="1:6" ht="14.25" customHeight="1" x14ac:dyDescent="0.25">
      <c r="A34" s="35">
        <v>1</v>
      </c>
      <c r="B34" s="35" t="str">
        <f>'INSTRUMENTAL MUSIC'!A15</f>
        <v>JUNIORS AND TEENS</v>
      </c>
      <c r="C34" s="35">
        <f>'INSTRUMENTAL MUSIC'!B15</f>
        <v>0</v>
      </c>
      <c r="D34" s="35">
        <f>'INSTRUMENTAL MUSIC'!C15</f>
        <v>0</v>
      </c>
      <c r="E34" s="49">
        <f>'INSTRUMENTAL MUSIC'!D15</f>
        <v>0</v>
      </c>
      <c r="F34" s="62"/>
    </row>
    <row r="35" spans="1:6" ht="14.25" customHeight="1" x14ac:dyDescent="0.25">
      <c r="A35" s="35">
        <v>1</v>
      </c>
      <c r="B35" s="35" t="str">
        <f>'INSTRUMENTAL MUSIC'!A16</f>
        <v>HI-TEENS AND SENIORS</v>
      </c>
      <c r="C35" s="35">
        <f>'INSTRUMENTAL MUSIC'!B16</f>
        <v>0</v>
      </c>
      <c r="D35" s="35">
        <f>'INSTRUMENTAL MUSIC'!C16</f>
        <v>0</v>
      </c>
      <c r="E35" s="49">
        <f>'INSTRUMENTAL MUSIC'!D16</f>
        <v>0</v>
      </c>
      <c r="F35" s="62"/>
    </row>
    <row r="36" spans="1:6" ht="15" customHeight="1" x14ac:dyDescent="0.25">
      <c r="A36" s="99" t="str">
        <f>'INSTRUMENTAL MUSIC'!A18</f>
        <v>PERCUSSION</v>
      </c>
      <c r="B36" s="78"/>
      <c r="C36" s="78"/>
      <c r="D36" s="78"/>
      <c r="E36" s="80"/>
      <c r="F36" s="62"/>
    </row>
    <row r="37" spans="1:6" ht="14.25" customHeight="1" x14ac:dyDescent="0.25">
      <c r="A37" s="35">
        <v>1</v>
      </c>
      <c r="B37" s="35" t="str">
        <f>'INSTRUMENTAL MUSIC'!A20</f>
        <v>MIDDLERS AND UNDER</v>
      </c>
      <c r="C37" s="35">
        <f>'INSTRUMENTAL MUSIC'!B20</f>
        <v>0</v>
      </c>
      <c r="D37" s="35">
        <f>'INSTRUMENTAL MUSIC'!C20</f>
        <v>0</v>
      </c>
      <c r="E37" s="49">
        <f>'INSTRUMENTAL MUSIC'!D20</f>
        <v>0</v>
      </c>
      <c r="F37" s="62"/>
    </row>
    <row r="38" spans="1:6" ht="14.25" customHeight="1" x14ac:dyDescent="0.25">
      <c r="A38" s="35">
        <v>1</v>
      </c>
      <c r="B38" s="35" t="str">
        <f>'INSTRUMENTAL MUSIC'!A21</f>
        <v>JUNIORS AND TEENS</v>
      </c>
      <c r="C38" s="35">
        <f>'INSTRUMENTAL MUSIC'!B21</f>
        <v>0</v>
      </c>
      <c r="D38" s="35">
        <f>'INSTRUMENTAL MUSIC'!C21</f>
        <v>0</v>
      </c>
      <c r="E38" s="49">
        <f>'INSTRUMENTAL MUSIC'!D21</f>
        <v>0</v>
      </c>
      <c r="F38" s="62"/>
    </row>
    <row r="39" spans="1:6" ht="14.25" customHeight="1" x14ac:dyDescent="0.25">
      <c r="A39" s="35">
        <v>1</v>
      </c>
      <c r="B39" s="35" t="str">
        <f>'INSTRUMENTAL MUSIC'!A22</f>
        <v>HI-TEENS AND SENIORS</v>
      </c>
      <c r="C39" s="35">
        <f>'INSTRUMENTAL MUSIC'!B22</f>
        <v>0</v>
      </c>
      <c r="D39" s="35">
        <f>'INSTRUMENTAL MUSIC'!C22</f>
        <v>0</v>
      </c>
      <c r="E39" s="49">
        <f>'INSTRUMENTAL MUSIC'!D22</f>
        <v>0</v>
      </c>
      <c r="F39" s="62"/>
    </row>
    <row r="40" spans="1:6" ht="15" customHeight="1" x14ac:dyDescent="0.25">
      <c r="A40" s="99" t="str">
        <f>'INSTRUMENTAL MUSIC'!A24</f>
        <v>WIND</v>
      </c>
      <c r="B40" s="78"/>
      <c r="C40" s="78"/>
      <c r="D40" s="78"/>
      <c r="E40" s="80"/>
      <c r="F40" s="62"/>
    </row>
    <row r="41" spans="1:6" ht="14.25" customHeight="1" x14ac:dyDescent="0.25">
      <c r="A41" s="35">
        <v>1</v>
      </c>
      <c r="B41" s="35" t="str">
        <f>'INSTRUMENTAL MUSIC'!A26</f>
        <v>MIDDLERS AND UNDER</v>
      </c>
      <c r="C41" s="35">
        <f>'INSTRUMENTAL MUSIC'!B26</f>
        <v>0</v>
      </c>
      <c r="D41" s="35">
        <f>'INSTRUMENTAL MUSIC'!C26</f>
        <v>0</v>
      </c>
      <c r="E41" s="49">
        <f>'INSTRUMENTAL MUSIC'!D26</f>
        <v>0</v>
      </c>
      <c r="F41" s="62"/>
    </row>
    <row r="42" spans="1:6" ht="14.25" customHeight="1" x14ac:dyDescent="0.25">
      <c r="A42" s="35">
        <v>1</v>
      </c>
      <c r="B42" s="35" t="str">
        <f>'INSTRUMENTAL MUSIC'!A27</f>
        <v>JUNIORS AND TEENS</v>
      </c>
      <c r="C42" s="35">
        <f>'INSTRUMENTAL MUSIC'!B27</f>
        <v>0</v>
      </c>
      <c r="D42" s="35">
        <f>'INSTRUMENTAL MUSIC'!C27</f>
        <v>0</v>
      </c>
      <c r="E42" s="49">
        <f>'INSTRUMENTAL MUSIC'!D27</f>
        <v>0</v>
      </c>
      <c r="F42" s="62"/>
    </row>
    <row r="43" spans="1:6" ht="14.25" customHeight="1" x14ac:dyDescent="0.25">
      <c r="A43" s="35">
        <v>1</v>
      </c>
      <c r="B43" s="35" t="str">
        <f>'INSTRUMENTAL MUSIC'!A28</f>
        <v>HI-TEENS AND SENIORS</v>
      </c>
      <c r="C43" s="35">
        <f>'INSTRUMENTAL MUSIC'!B28</f>
        <v>0</v>
      </c>
      <c r="D43" s="35">
        <f>'INSTRUMENTAL MUSIC'!C28</f>
        <v>0</v>
      </c>
      <c r="E43" s="49">
        <f>'INSTRUMENTAL MUSIC'!D28</f>
        <v>0</v>
      </c>
      <c r="F43" s="62"/>
    </row>
    <row r="44" spans="1:6" ht="14.25" customHeight="1" x14ac:dyDescent="0.25">
      <c r="A44" s="100"/>
      <c r="B44" s="82"/>
      <c r="C44" s="82"/>
      <c r="D44" s="82"/>
      <c r="E44" s="82"/>
      <c r="F44" s="87"/>
    </row>
    <row r="45" spans="1:6" ht="13.5" customHeight="1" x14ac:dyDescent="0.3">
      <c r="A45" s="92" t="s">
        <v>80</v>
      </c>
      <c r="B45" s="78"/>
      <c r="C45" s="78"/>
      <c r="D45" s="78"/>
      <c r="E45" s="78"/>
      <c r="F45" s="80"/>
    </row>
    <row r="46" spans="1:6" ht="14.25" customHeight="1" x14ac:dyDescent="0.3">
      <c r="A46" s="35">
        <f>'BIBLE QUIZ'!F8</f>
        <v>1</v>
      </c>
      <c r="B46" s="35" t="str">
        <f>'BIBLE QUIZ'!G8</f>
        <v>KINDERGARTEN</v>
      </c>
      <c r="C46" s="35">
        <f>'BIBLE QUIZ'!H8</f>
        <v>0</v>
      </c>
      <c r="D46" s="35">
        <f>'BIBLE QUIZ'!I8</f>
        <v>0</v>
      </c>
      <c r="E46" s="49">
        <f>'BIBLE QUIZ'!J8</f>
        <v>0</v>
      </c>
      <c r="F46" s="47">
        <f>'BIBLE QUIZ'!K8</f>
        <v>0</v>
      </c>
    </row>
    <row r="47" spans="1:6" ht="14.25" customHeight="1" x14ac:dyDescent="0.3">
      <c r="A47" s="35">
        <f>'BIBLE QUIZ'!F9</f>
        <v>2</v>
      </c>
      <c r="B47" s="35" t="str">
        <f>'BIBLE QUIZ'!G9</f>
        <v>KINDERGARTEN</v>
      </c>
      <c r="C47" s="35">
        <f>'BIBLE QUIZ'!H9</f>
        <v>0</v>
      </c>
      <c r="D47" s="35">
        <f>'BIBLE QUIZ'!I9</f>
        <v>0</v>
      </c>
      <c r="E47" s="49">
        <f>'BIBLE QUIZ'!J9</f>
        <v>0</v>
      </c>
      <c r="F47" s="47">
        <f>'BIBLE QUIZ'!K9</f>
        <v>0</v>
      </c>
    </row>
    <row r="48" spans="1:6" ht="14.25" customHeight="1" x14ac:dyDescent="0.3">
      <c r="A48" s="35">
        <f>'BIBLE QUIZ'!F13</f>
        <v>1</v>
      </c>
      <c r="B48" s="35" t="str">
        <f>'BIBLE QUIZ'!G13</f>
        <v>PRIMARY</v>
      </c>
      <c r="C48" s="35">
        <f>'BIBLE QUIZ'!H13</f>
        <v>0</v>
      </c>
      <c r="D48" s="35">
        <f>'BIBLE QUIZ'!I13</f>
        <v>0</v>
      </c>
      <c r="E48" s="49">
        <f>'BIBLE QUIZ'!J13</f>
        <v>0</v>
      </c>
      <c r="F48" s="50">
        <f>'BIBLE QUIZ'!K13</f>
        <v>0</v>
      </c>
    </row>
    <row r="49" spans="1:6" ht="14.25" customHeight="1" x14ac:dyDescent="0.3">
      <c r="A49" s="35">
        <f>'BIBLE QUIZ'!F14</f>
        <v>2</v>
      </c>
      <c r="B49" s="35" t="str">
        <f>'BIBLE QUIZ'!G14</f>
        <v>PRIMARY</v>
      </c>
      <c r="C49" s="35">
        <f>'BIBLE QUIZ'!H14</f>
        <v>0</v>
      </c>
      <c r="D49" s="35">
        <f>'BIBLE QUIZ'!I14</f>
        <v>0</v>
      </c>
      <c r="E49" s="49">
        <f>'BIBLE QUIZ'!J14</f>
        <v>0</v>
      </c>
      <c r="F49" s="50">
        <f>'BIBLE QUIZ'!K14</f>
        <v>0</v>
      </c>
    </row>
    <row r="50" spans="1:6" ht="14.25" customHeight="1" x14ac:dyDescent="0.3">
      <c r="A50" s="35">
        <f>'BIBLE QUIZ'!F18</f>
        <v>1</v>
      </c>
      <c r="B50" s="35" t="str">
        <f>'BIBLE QUIZ'!G18</f>
        <v>MIDDLERS</v>
      </c>
      <c r="C50" s="35">
        <f>'BIBLE QUIZ'!H18</f>
        <v>0</v>
      </c>
      <c r="D50" s="35">
        <f>'BIBLE QUIZ'!I18</f>
        <v>0</v>
      </c>
      <c r="E50" s="49">
        <f>'BIBLE QUIZ'!J18</f>
        <v>0</v>
      </c>
      <c r="F50" s="50">
        <f>'BIBLE QUIZ'!K18</f>
        <v>0</v>
      </c>
    </row>
    <row r="51" spans="1:6" ht="14.25" customHeight="1" x14ac:dyDescent="0.3">
      <c r="A51" s="35">
        <f>'BIBLE QUIZ'!F19</f>
        <v>2</v>
      </c>
      <c r="B51" s="35" t="str">
        <f>'BIBLE QUIZ'!G19</f>
        <v>MIDDLERS</v>
      </c>
      <c r="C51" s="35">
        <f>'BIBLE QUIZ'!H19</f>
        <v>0</v>
      </c>
      <c r="D51" s="35">
        <f>'BIBLE QUIZ'!I19</f>
        <v>0</v>
      </c>
      <c r="E51" s="49">
        <f>'BIBLE QUIZ'!J19</f>
        <v>0</v>
      </c>
      <c r="F51" s="50">
        <f>'BIBLE QUIZ'!K19</f>
        <v>0</v>
      </c>
    </row>
    <row r="52" spans="1:6" ht="14.25" customHeight="1" x14ac:dyDescent="0.3">
      <c r="A52" s="35">
        <f>'BIBLE QUIZ'!F23</f>
        <v>1</v>
      </c>
      <c r="B52" s="35" t="str">
        <f>'BIBLE QUIZ'!G23</f>
        <v>JUNIORS</v>
      </c>
      <c r="C52" s="35">
        <f>'BIBLE QUIZ'!H23</f>
        <v>0</v>
      </c>
      <c r="D52" s="35">
        <f>'BIBLE QUIZ'!I23</f>
        <v>0</v>
      </c>
      <c r="E52" s="49">
        <f>'BIBLE QUIZ'!J23</f>
        <v>0</v>
      </c>
      <c r="F52" s="50">
        <f>'BIBLE QUIZ'!K23</f>
        <v>0</v>
      </c>
    </row>
    <row r="53" spans="1:6" ht="14.25" customHeight="1" x14ac:dyDescent="0.3">
      <c r="A53" s="35">
        <f>'BIBLE QUIZ'!F24</f>
        <v>2</v>
      </c>
      <c r="B53" s="35" t="str">
        <f>'BIBLE QUIZ'!G24</f>
        <v>JUNIORS</v>
      </c>
      <c r="C53" s="35">
        <f>'BIBLE QUIZ'!H24</f>
        <v>0</v>
      </c>
      <c r="D53" s="35">
        <f>'BIBLE QUIZ'!I24</f>
        <v>0</v>
      </c>
      <c r="E53" s="49">
        <f>'BIBLE QUIZ'!J24</f>
        <v>0</v>
      </c>
      <c r="F53" s="50">
        <f>'BIBLE QUIZ'!K24</f>
        <v>0</v>
      </c>
    </row>
    <row r="54" spans="1:6" ht="14.25" customHeight="1" x14ac:dyDescent="0.3">
      <c r="A54" s="35">
        <f>'BIBLE QUIZ'!F28</f>
        <v>1</v>
      </c>
      <c r="B54" s="35" t="str">
        <f>'BIBLE QUIZ'!G28</f>
        <v>TEENS</v>
      </c>
      <c r="C54" s="35">
        <f>'BIBLE QUIZ'!H28</f>
        <v>0</v>
      </c>
      <c r="D54" s="35">
        <f>'BIBLE QUIZ'!I28</f>
        <v>0</v>
      </c>
      <c r="E54" s="49">
        <f>'BIBLE QUIZ'!J28</f>
        <v>0</v>
      </c>
      <c r="F54" s="50">
        <f>'BIBLE QUIZ'!K28</f>
        <v>0</v>
      </c>
    </row>
    <row r="55" spans="1:6" ht="14.25" customHeight="1" x14ac:dyDescent="0.3">
      <c r="A55" s="35">
        <f>'BIBLE QUIZ'!F29</f>
        <v>2</v>
      </c>
      <c r="B55" s="35" t="str">
        <f>'BIBLE QUIZ'!G29</f>
        <v>TEENS</v>
      </c>
      <c r="C55" s="35">
        <f>'BIBLE QUIZ'!H29</f>
        <v>0</v>
      </c>
      <c r="D55" s="35">
        <f>'BIBLE QUIZ'!I29</f>
        <v>0</v>
      </c>
      <c r="E55" s="49">
        <f>'BIBLE QUIZ'!J29</f>
        <v>0</v>
      </c>
      <c r="F55" s="50">
        <f>'BIBLE QUIZ'!K29</f>
        <v>0</v>
      </c>
    </row>
    <row r="56" spans="1:6" ht="14.25" customHeight="1" x14ac:dyDescent="0.3">
      <c r="A56" s="35">
        <f>'BIBLE QUIZ'!F33</f>
        <v>1</v>
      </c>
      <c r="B56" s="35" t="str">
        <f>'BIBLE QUIZ'!G33</f>
        <v>HIGH TEENS</v>
      </c>
      <c r="C56" s="35">
        <f>'BIBLE QUIZ'!H33</f>
        <v>0</v>
      </c>
      <c r="D56" s="35">
        <f>'BIBLE QUIZ'!I33</f>
        <v>0</v>
      </c>
      <c r="E56" s="49">
        <f>'BIBLE QUIZ'!J33</f>
        <v>0</v>
      </c>
      <c r="F56" s="50">
        <f>'BIBLE QUIZ'!K33</f>
        <v>0</v>
      </c>
    </row>
    <row r="57" spans="1:6" ht="14.25" customHeight="1" x14ac:dyDescent="0.3">
      <c r="A57" s="35">
        <f>'BIBLE QUIZ'!F34</f>
        <v>2</v>
      </c>
      <c r="B57" s="35" t="str">
        <f>'BIBLE QUIZ'!G34</f>
        <v>HIGH TEENS</v>
      </c>
      <c r="C57" s="35">
        <f>'BIBLE QUIZ'!H34</f>
        <v>0</v>
      </c>
      <c r="D57" s="35">
        <f>'BIBLE QUIZ'!I34</f>
        <v>0</v>
      </c>
      <c r="E57" s="49">
        <f>'BIBLE QUIZ'!J34</f>
        <v>0</v>
      </c>
      <c r="F57" s="50">
        <f>'BIBLE QUIZ'!K34</f>
        <v>0</v>
      </c>
    </row>
    <row r="58" spans="1:6" ht="14.25" customHeight="1" x14ac:dyDescent="0.3">
      <c r="A58" s="35">
        <f>'BIBLE QUIZ'!F38</f>
        <v>1</v>
      </c>
      <c r="B58" s="35" t="str">
        <f>'BIBLE QUIZ'!G38</f>
        <v>SENIORS</v>
      </c>
      <c r="C58" s="35">
        <f>'BIBLE QUIZ'!H38</f>
        <v>0</v>
      </c>
      <c r="D58" s="35">
        <f>'BIBLE QUIZ'!I38</f>
        <v>0</v>
      </c>
      <c r="E58" s="49">
        <f>'BIBLE QUIZ'!J38</f>
        <v>0</v>
      </c>
      <c r="F58" s="50">
        <f>'BIBLE QUIZ'!K38</f>
        <v>0</v>
      </c>
    </row>
    <row r="59" spans="1:6" ht="14.25" customHeight="1" x14ac:dyDescent="0.3">
      <c r="A59" s="35">
        <f>'BIBLE QUIZ'!F39</f>
        <v>2</v>
      </c>
      <c r="B59" s="35" t="str">
        <f>'BIBLE QUIZ'!G39</f>
        <v>SENIORS</v>
      </c>
      <c r="C59" s="35">
        <f>'BIBLE QUIZ'!H39</f>
        <v>0</v>
      </c>
      <c r="D59" s="35">
        <f>'BIBLE QUIZ'!I39</f>
        <v>0</v>
      </c>
      <c r="E59" s="49">
        <f>'BIBLE QUIZ'!J39</f>
        <v>0</v>
      </c>
      <c r="F59" s="50">
        <f>'BIBLE QUIZ'!K39</f>
        <v>0</v>
      </c>
    </row>
    <row r="60" spans="1:6" ht="14.25" customHeight="1" x14ac:dyDescent="0.3">
      <c r="A60" s="35">
        <f>'BIBLE QUIZ'!F43</f>
        <v>1</v>
      </c>
      <c r="B60" s="35" t="str">
        <f>'BIBLE QUIZ'!G43</f>
        <v>ADULTS</v>
      </c>
      <c r="C60" s="35">
        <f>'BIBLE QUIZ'!H43</f>
        <v>0</v>
      </c>
      <c r="D60" s="35">
        <f>'BIBLE QUIZ'!I43</f>
        <v>0</v>
      </c>
      <c r="E60" s="49">
        <f>'BIBLE QUIZ'!J43</f>
        <v>0</v>
      </c>
      <c r="F60" s="50">
        <f>'BIBLE QUIZ'!K43</f>
        <v>0</v>
      </c>
    </row>
    <row r="61" spans="1:6" ht="14.25" customHeight="1" x14ac:dyDescent="0.3">
      <c r="A61" s="35">
        <f>'BIBLE QUIZ'!F44</f>
        <v>2</v>
      </c>
      <c r="B61" s="35" t="str">
        <f>'BIBLE QUIZ'!G44</f>
        <v>ADULTS</v>
      </c>
      <c r="C61" s="35">
        <f>'BIBLE QUIZ'!H44</f>
        <v>0</v>
      </c>
      <c r="D61" s="35">
        <f>'BIBLE QUIZ'!I44</f>
        <v>0</v>
      </c>
      <c r="E61" s="49">
        <f>'BIBLE QUIZ'!J44</f>
        <v>0</v>
      </c>
      <c r="F61" s="50">
        <f>'BIBLE QUIZ'!K44</f>
        <v>0</v>
      </c>
    </row>
    <row r="62" spans="1:6" ht="14.25" customHeight="1" x14ac:dyDescent="0.25">
      <c r="A62" s="101"/>
      <c r="B62" s="87"/>
      <c r="C62" s="87"/>
      <c r="D62" s="87"/>
      <c r="E62" s="87"/>
      <c r="F62" s="102"/>
    </row>
    <row r="63" spans="1:6" ht="13.5" customHeight="1" x14ac:dyDescent="0.3">
      <c r="A63" s="94" t="s">
        <v>81</v>
      </c>
      <c r="B63" s="78"/>
      <c r="C63" s="78"/>
      <c r="D63" s="78"/>
      <c r="E63" s="80"/>
      <c r="F63" s="62"/>
    </row>
    <row r="64" spans="1:6" ht="14.25" customHeight="1" x14ac:dyDescent="0.25">
      <c r="A64" s="35">
        <f>ESSAY!A8</f>
        <v>1</v>
      </c>
      <c r="B64" s="35" t="str">
        <f>ESSAY!B8</f>
        <v>TEENS &amp; UNDER</v>
      </c>
      <c r="C64" s="35">
        <f>ESSAY!C8</f>
        <v>0</v>
      </c>
      <c r="D64" s="35">
        <f>ESSAY!D8</f>
        <v>0</v>
      </c>
      <c r="E64" s="49">
        <f>ESSAY!E8</f>
        <v>0</v>
      </c>
      <c r="F64" s="62"/>
    </row>
    <row r="65" spans="1:6" ht="14.25" customHeight="1" x14ac:dyDescent="0.25">
      <c r="A65" s="35">
        <f>ESSAY!A9</f>
        <v>2</v>
      </c>
      <c r="B65" s="35" t="str">
        <f>ESSAY!B9</f>
        <v>TEENS &amp; UNDER</v>
      </c>
      <c r="C65" s="35">
        <f>ESSAY!C9</f>
        <v>0</v>
      </c>
      <c r="D65" s="35">
        <f>ESSAY!D9</f>
        <v>0</v>
      </c>
      <c r="E65" s="49">
        <f>ESSAY!E9</f>
        <v>0</v>
      </c>
      <c r="F65" s="62"/>
    </row>
    <row r="66" spans="1:6" ht="14.25" customHeight="1" x14ac:dyDescent="0.25">
      <c r="A66" s="35">
        <f>ESSAY!A13</f>
        <v>1</v>
      </c>
      <c r="B66" s="35" t="str">
        <f>ESSAY!B13</f>
        <v>HIGH TEENS</v>
      </c>
      <c r="C66" s="35">
        <f>ESSAY!C13</f>
        <v>0</v>
      </c>
      <c r="D66" s="35">
        <f>ESSAY!D13</f>
        <v>0</v>
      </c>
      <c r="E66" s="49">
        <f>ESSAY!E13</f>
        <v>0</v>
      </c>
      <c r="F66" s="62"/>
    </row>
    <row r="67" spans="1:6" ht="14.25" customHeight="1" x14ac:dyDescent="0.25">
      <c r="A67" s="35">
        <f>ESSAY!A14</f>
        <v>2</v>
      </c>
      <c r="B67" s="35" t="str">
        <f>ESSAY!B14</f>
        <v>HIGH TEENS</v>
      </c>
      <c r="C67" s="35">
        <f>ESSAY!C14</f>
        <v>0</v>
      </c>
      <c r="D67" s="35">
        <f>ESSAY!D14</f>
        <v>0</v>
      </c>
      <c r="E67" s="49">
        <f>ESSAY!E14</f>
        <v>0</v>
      </c>
      <c r="F67" s="62"/>
    </row>
    <row r="68" spans="1:6" ht="14.25" customHeight="1" x14ac:dyDescent="0.25">
      <c r="A68" s="35">
        <f>ESSAY!A18</f>
        <v>1</v>
      </c>
      <c r="B68" s="35" t="str">
        <f>ESSAY!B18</f>
        <v>SENIORS</v>
      </c>
      <c r="C68" s="35">
        <f>ESSAY!C18</f>
        <v>0</v>
      </c>
      <c r="D68" s="35">
        <f>ESSAY!D18</f>
        <v>0</v>
      </c>
      <c r="E68" s="49">
        <f>ESSAY!E18</f>
        <v>0</v>
      </c>
      <c r="F68" s="62"/>
    </row>
    <row r="69" spans="1:6" ht="14.25" customHeight="1" x14ac:dyDescent="0.25">
      <c r="A69" s="35">
        <f>ESSAY!A19</f>
        <v>2</v>
      </c>
      <c r="B69" s="35" t="str">
        <f>ESSAY!B19</f>
        <v>SENIORS</v>
      </c>
      <c r="C69" s="35">
        <f>ESSAY!C19</f>
        <v>0</v>
      </c>
      <c r="D69" s="35">
        <f>ESSAY!D19</f>
        <v>0</v>
      </c>
      <c r="E69" s="49">
        <f>ESSAY!E19</f>
        <v>0</v>
      </c>
      <c r="F69" s="62"/>
    </row>
    <row r="70" spans="1:6" ht="15.75" customHeight="1" x14ac:dyDescent="0.25">
      <c r="A70" s="89"/>
      <c r="B70" s="78"/>
      <c r="C70" s="78"/>
      <c r="D70" s="78"/>
      <c r="E70" s="78"/>
      <c r="F70" s="62"/>
    </row>
    <row r="71" spans="1:6" ht="13.5" customHeight="1" x14ac:dyDescent="0.3">
      <c r="A71" s="96" t="s">
        <v>82</v>
      </c>
      <c r="B71" s="78"/>
      <c r="C71" s="78"/>
      <c r="D71" s="78"/>
      <c r="E71" s="80"/>
      <c r="F71" s="62"/>
    </row>
    <row r="72" spans="1:6" ht="14.25" customHeight="1" x14ac:dyDescent="0.25">
      <c r="A72" s="35">
        <f>POETRY!A8</f>
        <v>1</v>
      </c>
      <c r="B72" s="35" t="str">
        <f>POETRY!B8</f>
        <v>KINDERGARTEN</v>
      </c>
      <c r="C72" s="35">
        <f>POETRY!C8</f>
        <v>0</v>
      </c>
      <c r="D72" s="35">
        <f>POETRY!D8</f>
        <v>0</v>
      </c>
      <c r="E72" s="49">
        <f>POETRY!E8</f>
        <v>0</v>
      </c>
      <c r="F72" s="62"/>
    </row>
    <row r="73" spans="1:6" ht="14.25" customHeight="1" x14ac:dyDescent="0.25">
      <c r="A73" s="35">
        <f>POETRY!A9</f>
        <v>2</v>
      </c>
      <c r="B73" s="35" t="str">
        <f>POETRY!B9</f>
        <v>KINDERGARTEN</v>
      </c>
      <c r="C73" s="35">
        <f>POETRY!C9</f>
        <v>0</v>
      </c>
      <c r="D73" s="35">
        <f>POETRY!D9</f>
        <v>0</v>
      </c>
      <c r="E73" s="49">
        <f>POETRY!E9</f>
        <v>0</v>
      </c>
      <c r="F73" s="62"/>
    </row>
    <row r="74" spans="1:6" ht="14.25" customHeight="1" x14ac:dyDescent="0.25">
      <c r="A74" s="35">
        <f>POETRY!A13</f>
        <v>1</v>
      </c>
      <c r="B74" s="35" t="str">
        <f>POETRY!B13</f>
        <v>PRIMARY</v>
      </c>
      <c r="C74" s="35">
        <f>POETRY!C13</f>
        <v>0</v>
      </c>
      <c r="D74" s="35">
        <f>POETRY!D13</f>
        <v>0</v>
      </c>
      <c r="E74" s="49">
        <f>POETRY!E13</f>
        <v>0</v>
      </c>
      <c r="F74" s="62"/>
    </row>
    <row r="75" spans="1:6" ht="14.25" customHeight="1" x14ac:dyDescent="0.25">
      <c r="A75" s="35">
        <f>POETRY!A14</f>
        <v>2</v>
      </c>
      <c r="B75" s="35" t="str">
        <f>POETRY!B14</f>
        <v>PRIMARY</v>
      </c>
      <c r="C75" s="35">
        <f>POETRY!C14</f>
        <v>0</v>
      </c>
      <c r="D75" s="35">
        <f>POETRY!D14</f>
        <v>0</v>
      </c>
      <c r="E75" s="49">
        <f>POETRY!E14</f>
        <v>0</v>
      </c>
      <c r="F75" s="62"/>
    </row>
    <row r="76" spans="1:6" ht="14.25" customHeight="1" x14ac:dyDescent="0.25">
      <c r="A76" s="35">
        <f>POETRY!A18</f>
        <v>1</v>
      </c>
      <c r="B76" s="35" t="str">
        <f>POETRY!B18</f>
        <v>MIDDLERS</v>
      </c>
      <c r="C76" s="35">
        <f>POETRY!C18</f>
        <v>0</v>
      </c>
      <c r="D76" s="35">
        <f>POETRY!D18</f>
        <v>0</v>
      </c>
      <c r="E76" s="49">
        <f>POETRY!E18</f>
        <v>0</v>
      </c>
      <c r="F76" s="62"/>
    </row>
    <row r="77" spans="1:6" ht="14.25" customHeight="1" x14ac:dyDescent="0.25">
      <c r="A77" s="35">
        <f>POETRY!A19</f>
        <v>2</v>
      </c>
      <c r="B77" s="35" t="str">
        <f>POETRY!B19</f>
        <v>MIDDLERS</v>
      </c>
      <c r="C77" s="35">
        <f>POETRY!C19</f>
        <v>0</v>
      </c>
      <c r="D77" s="35">
        <f>POETRY!D19</f>
        <v>0</v>
      </c>
      <c r="E77" s="49">
        <f>POETRY!E19</f>
        <v>0</v>
      </c>
      <c r="F77" s="62"/>
    </row>
    <row r="78" spans="1:6" ht="14.25" customHeight="1" x14ac:dyDescent="0.25">
      <c r="A78" s="35">
        <f>POETRY!A23</f>
        <v>1</v>
      </c>
      <c r="B78" s="35" t="str">
        <f>POETRY!B23</f>
        <v>JUNIORS</v>
      </c>
      <c r="C78" s="35">
        <f>POETRY!C23</f>
        <v>0</v>
      </c>
      <c r="D78" s="35">
        <f>POETRY!D23</f>
        <v>0</v>
      </c>
      <c r="E78" s="49">
        <f>POETRY!E23</f>
        <v>0</v>
      </c>
      <c r="F78" s="62"/>
    </row>
    <row r="79" spans="1:6" ht="14.25" customHeight="1" x14ac:dyDescent="0.25">
      <c r="A79" s="35">
        <f>POETRY!A24</f>
        <v>2</v>
      </c>
      <c r="B79" s="35" t="str">
        <f>POETRY!B24</f>
        <v>JUNIORS</v>
      </c>
      <c r="C79" s="35">
        <f>POETRY!C24</f>
        <v>0</v>
      </c>
      <c r="D79" s="35">
        <f>POETRY!D24</f>
        <v>0</v>
      </c>
      <c r="E79" s="49">
        <f>POETRY!E24</f>
        <v>0</v>
      </c>
      <c r="F79" s="62"/>
    </row>
    <row r="80" spans="1:6" ht="14.25" customHeight="1" x14ac:dyDescent="0.25">
      <c r="A80" s="35">
        <f>POETRY!A28</f>
        <v>1</v>
      </c>
      <c r="B80" s="35" t="str">
        <f>POETRY!B28</f>
        <v>TEENS</v>
      </c>
      <c r="C80" s="35">
        <f>POETRY!C28</f>
        <v>0</v>
      </c>
      <c r="D80" s="35">
        <f>POETRY!D28</f>
        <v>0</v>
      </c>
      <c r="E80" s="49">
        <f>POETRY!E28</f>
        <v>0</v>
      </c>
      <c r="F80" s="62"/>
    </row>
    <row r="81" spans="1:6" ht="14.25" customHeight="1" x14ac:dyDescent="0.25">
      <c r="A81" s="35">
        <f>POETRY!A29</f>
        <v>2</v>
      </c>
      <c r="B81" s="35" t="str">
        <f>POETRY!B29</f>
        <v>TEENS</v>
      </c>
      <c r="C81" s="35">
        <f>POETRY!C29</f>
        <v>0</v>
      </c>
      <c r="D81" s="35">
        <f>POETRY!D29</f>
        <v>0</v>
      </c>
      <c r="E81" s="49">
        <f>POETRY!E29</f>
        <v>0</v>
      </c>
      <c r="F81" s="62"/>
    </row>
    <row r="82" spans="1:6" ht="14.25" customHeight="1" x14ac:dyDescent="0.25">
      <c r="A82" s="35">
        <f>POETRY!A33</f>
        <v>1</v>
      </c>
      <c r="B82" s="35" t="str">
        <f>POETRY!B33</f>
        <v>HIGH TEENS</v>
      </c>
      <c r="C82" s="35">
        <f>POETRY!C33</f>
        <v>0</v>
      </c>
      <c r="D82" s="35">
        <f>POETRY!D33</f>
        <v>0</v>
      </c>
      <c r="E82" s="49">
        <f>POETRY!E33</f>
        <v>0</v>
      </c>
      <c r="F82" s="62"/>
    </row>
    <row r="83" spans="1:6" ht="14.25" customHeight="1" x14ac:dyDescent="0.25">
      <c r="A83" s="35">
        <f>POETRY!A34</f>
        <v>2</v>
      </c>
      <c r="B83" s="35" t="str">
        <f>POETRY!B34</f>
        <v>HIGH TEENS</v>
      </c>
      <c r="C83" s="35">
        <f>POETRY!C34</f>
        <v>0</v>
      </c>
      <c r="D83" s="35">
        <f>POETRY!D34</f>
        <v>0</v>
      </c>
      <c r="E83" s="49">
        <f>POETRY!E34</f>
        <v>0</v>
      </c>
      <c r="F83" s="62"/>
    </row>
    <row r="84" spans="1:6" ht="14.25" customHeight="1" x14ac:dyDescent="0.25">
      <c r="A84" s="35">
        <f>POETRY!A38</f>
        <v>1</v>
      </c>
      <c r="B84" s="35" t="str">
        <f>POETRY!B38</f>
        <v>SENIORS</v>
      </c>
      <c r="C84" s="35">
        <f>POETRY!C38</f>
        <v>0</v>
      </c>
      <c r="D84" s="35">
        <f>POETRY!D38</f>
        <v>0</v>
      </c>
      <c r="E84" s="49">
        <f>POETRY!E38</f>
        <v>0</v>
      </c>
      <c r="F84" s="62"/>
    </row>
    <row r="85" spans="1:6" ht="14.25" customHeight="1" x14ac:dyDescent="0.25">
      <c r="A85" s="35">
        <f>POETRY!A39</f>
        <v>2</v>
      </c>
      <c r="B85" s="35" t="str">
        <f>POETRY!B39</f>
        <v>SENIORS</v>
      </c>
      <c r="C85" s="35">
        <f>POETRY!C39</f>
        <v>0</v>
      </c>
      <c r="D85" s="35">
        <f>POETRY!D39</f>
        <v>0</v>
      </c>
      <c r="E85" s="49">
        <f>POETRY!E39</f>
        <v>0</v>
      </c>
      <c r="F85" s="62"/>
    </row>
    <row r="86" spans="1:6" ht="14.25" customHeight="1" x14ac:dyDescent="0.25">
      <c r="A86" s="35">
        <f>POETRY!A43</f>
        <v>1</v>
      </c>
      <c r="B86" s="35" t="str">
        <f>POETRY!B43</f>
        <v>ADULTS</v>
      </c>
      <c r="C86" s="35">
        <f>POETRY!C43</f>
        <v>0</v>
      </c>
      <c r="D86" s="35">
        <f>POETRY!D43</f>
        <v>0</v>
      </c>
      <c r="E86" s="49">
        <f>POETRY!E43</f>
        <v>0</v>
      </c>
      <c r="F86" s="62"/>
    </row>
    <row r="87" spans="1:6" ht="14.25" customHeight="1" x14ac:dyDescent="0.25">
      <c r="A87" s="35">
        <f>POETRY!A44</f>
        <v>2</v>
      </c>
      <c r="B87" s="35" t="str">
        <f>POETRY!B44</f>
        <v>ADULTS</v>
      </c>
      <c r="C87" s="35">
        <f>POETRY!C44</f>
        <v>0</v>
      </c>
      <c r="D87" s="35">
        <f>POETRY!D44</f>
        <v>0</v>
      </c>
      <c r="E87" s="49">
        <f>POETRY!E44</f>
        <v>0</v>
      </c>
      <c r="F87" s="62"/>
    </row>
    <row r="88" spans="1:6" ht="13.2" hidden="1" customHeight="1" x14ac:dyDescent="0.25">
      <c r="E88" s="37"/>
    </row>
    <row r="89" spans="1:6" ht="13.5" hidden="1" customHeight="1" x14ac:dyDescent="0.25">
      <c r="E89" s="37"/>
    </row>
    <row r="90" spans="1:6" ht="13.5" hidden="1" customHeight="1" x14ac:dyDescent="0.25">
      <c r="E90" s="37"/>
    </row>
    <row r="91" spans="1:6" ht="13.5" hidden="1" customHeight="1" x14ac:dyDescent="0.25">
      <c r="E91" s="37"/>
    </row>
    <row r="92" spans="1:6" ht="13.5" hidden="1" customHeight="1" x14ac:dyDescent="0.25">
      <c r="E92" s="37"/>
    </row>
    <row r="93" spans="1:6" ht="13.5" hidden="1" customHeight="1" x14ac:dyDescent="0.25">
      <c r="E93" s="37"/>
    </row>
    <row r="94" spans="1:6" ht="13.5" hidden="1" customHeight="1" x14ac:dyDescent="0.25">
      <c r="E94" s="37"/>
    </row>
    <row r="95" spans="1:6" ht="13.5" hidden="1" customHeight="1" x14ac:dyDescent="0.25">
      <c r="E95" s="37"/>
    </row>
    <row r="96" spans="1:6" ht="13.5" hidden="1" customHeight="1" x14ac:dyDescent="0.25">
      <c r="E96" s="37"/>
    </row>
    <row r="97" spans="5:5" ht="13.5" hidden="1" customHeight="1" x14ac:dyDescent="0.25">
      <c r="E97" s="37"/>
    </row>
    <row r="98" spans="5:5" ht="13.5" hidden="1" customHeight="1" x14ac:dyDescent="0.25">
      <c r="E98" s="37"/>
    </row>
    <row r="99" spans="5:5" ht="13.5" hidden="1" customHeight="1" x14ac:dyDescent="0.25">
      <c r="E99" s="37"/>
    </row>
    <row r="100" spans="5:5" ht="13.5" hidden="1" customHeight="1" x14ac:dyDescent="0.25">
      <c r="E100" s="37"/>
    </row>
    <row r="101" spans="5:5" ht="13.5" hidden="1" customHeight="1" x14ac:dyDescent="0.25">
      <c r="E101" s="37"/>
    </row>
    <row r="102" spans="5:5" ht="13.5" hidden="1" customHeight="1" x14ac:dyDescent="0.25">
      <c r="E102" s="37"/>
    </row>
    <row r="103" spans="5:5" ht="13.5" hidden="1" customHeight="1" x14ac:dyDescent="0.25">
      <c r="E103" s="37"/>
    </row>
    <row r="104" spans="5:5" ht="13.5" hidden="1" customHeight="1" x14ac:dyDescent="0.25">
      <c r="E104" s="37"/>
    </row>
    <row r="105" spans="5:5" ht="13.5" hidden="1" customHeight="1" x14ac:dyDescent="0.25">
      <c r="E105" s="37"/>
    </row>
    <row r="106" spans="5:5" ht="13.5" hidden="1" customHeight="1" x14ac:dyDescent="0.25">
      <c r="E106" s="37"/>
    </row>
    <row r="107" spans="5:5" ht="13.5" hidden="1" customHeight="1" x14ac:dyDescent="0.25">
      <c r="E107" s="37"/>
    </row>
    <row r="108" spans="5:5" ht="13.5" hidden="1" customHeight="1" x14ac:dyDescent="0.25">
      <c r="E108" s="37"/>
    </row>
    <row r="109" spans="5:5" ht="13.5" hidden="1" customHeight="1" x14ac:dyDescent="0.25">
      <c r="E109" s="37"/>
    </row>
    <row r="110" spans="5:5" ht="13.5" hidden="1" customHeight="1" x14ac:dyDescent="0.25">
      <c r="E110" s="37"/>
    </row>
    <row r="111" spans="5:5" ht="13.5" hidden="1" customHeight="1" x14ac:dyDescent="0.25">
      <c r="E111" s="37"/>
    </row>
    <row r="112" spans="5:5" ht="13.5" hidden="1" customHeight="1" x14ac:dyDescent="0.25">
      <c r="E112" s="37"/>
    </row>
    <row r="113" spans="5:5" ht="13.5" hidden="1" customHeight="1" x14ac:dyDescent="0.25">
      <c r="E113" s="37"/>
    </row>
    <row r="114" spans="5:5" ht="13.5" hidden="1" customHeight="1" x14ac:dyDescent="0.25">
      <c r="E114" s="37"/>
    </row>
    <row r="115" spans="5:5" ht="13.5" hidden="1" customHeight="1" x14ac:dyDescent="0.25">
      <c r="E115" s="37"/>
    </row>
    <row r="116" spans="5:5" ht="13.5" hidden="1" customHeight="1" x14ac:dyDescent="0.25">
      <c r="E116" s="37"/>
    </row>
    <row r="117" spans="5:5" ht="13.5" hidden="1" customHeight="1" x14ac:dyDescent="0.25">
      <c r="E117" s="37"/>
    </row>
    <row r="118" spans="5:5" ht="13.5" hidden="1" customHeight="1" x14ac:dyDescent="0.25">
      <c r="E118" s="37"/>
    </row>
    <row r="119" spans="5:5" ht="13.5" hidden="1" customHeight="1" x14ac:dyDescent="0.25">
      <c r="E119" s="37"/>
    </row>
    <row r="120" spans="5:5" ht="13.5" hidden="1" customHeight="1" x14ac:dyDescent="0.25">
      <c r="E120" s="37"/>
    </row>
    <row r="121" spans="5:5" ht="13.5" hidden="1" customHeight="1" x14ac:dyDescent="0.25">
      <c r="E121" s="37"/>
    </row>
    <row r="122" spans="5:5" ht="13.5" hidden="1" customHeight="1" x14ac:dyDescent="0.25">
      <c r="E122" s="37"/>
    </row>
    <row r="123" spans="5:5" ht="13.5" hidden="1" customHeight="1" x14ac:dyDescent="0.25">
      <c r="E123" s="37"/>
    </row>
    <row r="124" spans="5:5" ht="13.5" hidden="1" customHeight="1" x14ac:dyDescent="0.25">
      <c r="E124" s="37"/>
    </row>
    <row r="125" spans="5:5" ht="13.5" hidden="1" customHeight="1" x14ac:dyDescent="0.25">
      <c r="E125" s="37"/>
    </row>
    <row r="126" spans="5:5" ht="13.5" hidden="1" customHeight="1" x14ac:dyDescent="0.25">
      <c r="E126" s="37"/>
    </row>
    <row r="127" spans="5:5" ht="13.5" hidden="1" customHeight="1" x14ac:dyDescent="0.25">
      <c r="E127" s="37"/>
    </row>
    <row r="128" spans="5:5" ht="13.5" hidden="1" customHeight="1" x14ac:dyDescent="0.25">
      <c r="E128" s="37"/>
    </row>
    <row r="129" spans="5:5" ht="13.5" hidden="1" customHeight="1" x14ac:dyDescent="0.25">
      <c r="E129" s="37"/>
    </row>
    <row r="130" spans="5:5" ht="13.5" hidden="1" customHeight="1" x14ac:dyDescent="0.25">
      <c r="E130" s="37"/>
    </row>
    <row r="131" spans="5:5" ht="13.5" hidden="1" customHeight="1" x14ac:dyDescent="0.25">
      <c r="E131" s="37"/>
    </row>
    <row r="132" spans="5:5" ht="13.5" hidden="1" customHeight="1" x14ac:dyDescent="0.25">
      <c r="E132" s="37"/>
    </row>
    <row r="133" spans="5:5" ht="13.5" hidden="1" customHeight="1" x14ac:dyDescent="0.25">
      <c r="E133" s="37"/>
    </row>
    <row r="134" spans="5:5" ht="13.5" hidden="1" customHeight="1" x14ac:dyDescent="0.25">
      <c r="E134" s="37"/>
    </row>
    <row r="135" spans="5:5" ht="13.5" hidden="1" customHeight="1" x14ac:dyDescent="0.25">
      <c r="E135" s="37"/>
    </row>
    <row r="136" spans="5:5" ht="13.5" hidden="1" customHeight="1" x14ac:dyDescent="0.25">
      <c r="E136" s="37"/>
    </row>
    <row r="137" spans="5:5" ht="13.5" hidden="1" customHeight="1" x14ac:dyDescent="0.25">
      <c r="E137" s="37"/>
    </row>
    <row r="138" spans="5:5" ht="13.5" hidden="1" customHeight="1" x14ac:dyDescent="0.25">
      <c r="E138" s="37"/>
    </row>
    <row r="139" spans="5:5" ht="13.5" hidden="1" customHeight="1" x14ac:dyDescent="0.25">
      <c r="E139" s="37"/>
    </row>
    <row r="140" spans="5:5" ht="13.5" hidden="1" customHeight="1" x14ac:dyDescent="0.25">
      <c r="E140" s="37"/>
    </row>
    <row r="141" spans="5:5" ht="13.5" hidden="1" customHeight="1" x14ac:dyDescent="0.25">
      <c r="E141" s="37"/>
    </row>
    <row r="142" spans="5:5" ht="13.5" hidden="1" customHeight="1" x14ac:dyDescent="0.25">
      <c r="E142" s="37"/>
    </row>
    <row r="143" spans="5:5" ht="13.5" hidden="1" customHeight="1" x14ac:dyDescent="0.25">
      <c r="E143" s="37"/>
    </row>
    <row r="144" spans="5:5" ht="13.5" hidden="1" customHeight="1" x14ac:dyDescent="0.25">
      <c r="E144" s="37"/>
    </row>
    <row r="145" spans="5:5" ht="13.5" hidden="1" customHeight="1" x14ac:dyDescent="0.25">
      <c r="E145" s="37"/>
    </row>
    <row r="146" spans="5:5" ht="13.5" hidden="1" customHeight="1" x14ac:dyDescent="0.25">
      <c r="E146" s="37"/>
    </row>
    <row r="147" spans="5:5" ht="13.5" hidden="1" customHeight="1" x14ac:dyDescent="0.25">
      <c r="E147" s="37"/>
    </row>
    <row r="148" spans="5:5" ht="13.5" hidden="1" customHeight="1" x14ac:dyDescent="0.25">
      <c r="E148" s="37"/>
    </row>
    <row r="149" spans="5:5" ht="13.5" hidden="1" customHeight="1" x14ac:dyDescent="0.25">
      <c r="E149" s="37"/>
    </row>
    <row r="150" spans="5:5" ht="13.5" hidden="1" customHeight="1" x14ac:dyDescent="0.25">
      <c r="E150" s="37"/>
    </row>
    <row r="151" spans="5:5" ht="13.5" hidden="1" customHeight="1" x14ac:dyDescent="0.25">
      <c r="E151" s="37"/>
    </row>
    <row r="152" spans="5:5" ht="13.5" hidden="1" customHeight="1" x14ac:dyDescent="0.25">
      <c r="E152" s="37"/>
    </row>
    <row r="153" spans="5:5" ht="13.5" hidden="1" customHeight="1" x14ac:dyDescent="0.25">
      <c r="E153" s="37"/>
    </row>
    <row r="154" spans="5:5" ht="13.5" hidden="1" customHeight="1" x14ac:dyDescent="0.25">
      <c r="E154" s="37"/>
    </row>
    <row r="155" spans="5:5" ht="13.5" hidden="1" customHeight="1" x14ac:dyDescent="0.25">
      <c r="E155" s="37"/>
    </row>
    <row r="156" spans="5:5" ht="13.5" hidden="1" customHeight="1" x14ac:dyDescent="0.25">
      <c r="E156" s="37"/>
    </row>
    <row r="157" spans="5:5" ht="13.5" hidden="1" customHeight="1" x14ac:dyDescent="0.25">
      <c r="E157" s="37"/>
    </row>
    <row r="158" spans="5:5" ht="13.5" hidden="1" customHeight="1" x14ac:dyDescent="0.25">
      <c r="E158" s="37"/>
    </row>
    <row r="159" spans="5:5" ht="13.5" hidden="1" customHeight="1" x14ac:dyDescent="0.25">
      <c r="E159" s="37"/>
    </row>
    <row r="160" spans="5:5" ht="13.5" hidden="1" customHeight="1" x14ac:dyDescent="0.25">
      <c r="E160" s="37"/>
    </row>
    <row r="161" spans="5:5" ht="13.5" hidden="1" customHeight="1" x14ac:dyDescent="0.25">
      <c r="E161" s="37"/>
    </row>
    <row r="162" spans="5:5" ht="13.5" hidden="1" customHeight="1" x14ac:dyDescent="0.25">
      <c r="E162" s="37"/>
    </row>
    <row r="163" spans="5:5" ht="13.5" hidden="1" customHeight="1" x14ac:dyDescent="0.25">
      <c r="E163" s="37"/>
    </row>
    <row r="164" spans="5:5" ht="13.5" hidden="1" customHeight="1" x14ac:dyDescent="0.25">
      <c r="E164" s="37"/>
    </row>
    <row r="165" spans="5:5" ht="13.5" hidden="1" customHeight="1" x14ac:dyDescent="0.25">
      <c r="E165" s="37"/>
    </row>
    <row r="166" spans="5:5" ht="13.5" hidden="1" customHeight="1" x14ac:dyDescent="0.25">
      <c r="E166" s="37"/>
    </row>
    <row r="167" spans="5:5" ht="13.5" hidden="1" customHeight="1" x14ac:dyDescent="0.25">
      <c r="E167" s="37"/>
    </row>
    <row r="168" spans="5:5" ht="13.5" hidden="1" customHeight="1" x14ac:dyDescent="0.25">
      <c r="E168" s="37"/>
    </row>
    <row r="169" spans="5:5" ht="13.5" hidden="1" customHeight="1" x14ac:dyDescent="0.25">
      <c r="E169" s="37"/>
    </row>
    <row r="170" spans="5:5" ht="13.5" hidden="1" customHeight="1" x14ac:dyDescent="0.25">
      <c r="E170" s="37"/>
    </row>
    <row r="171" spans="5:5" ht="13.5" hidden="1" customHeight="1" x14ac:dyDescent="0.25">
      <c r="E171" s="37"/>
    </row>
    <row r="172" spans="5:5" ht="13.5" hidden="1" customHeight="1" x14ac:dyDescent="0.25">
      <c r="E172" s="37"/>
    </row>
    <row r="173" spans="5:5" ht="13.5" hidden="1" customHeight="1" x14ac:dyDescent="0.25">
      <c r="E173" s="37"/>
    </row>
    <row r="174" spans="5:5" ht="13.5" hidden="1" customHeight="1" x14ac:dyDescent="0.25">
      <c r="E174" s="37"/>
    </row>
    <row r="175" spans="5:5" ht="13.5" hidden="1" customHeight="1" x14ac:dyDescent="0.25">
      <c r="E175" s="37"/>
    </row>
    <row r="176" spans="5:5" ht="13.5" hidden="1" customHeight="1" x14ac:dyDescent="0.25">
      <c r="E176" s="37"/>
    </row>
    <row r="177" spans="5:5" ht="13.5" hidden="1" customHeight="1" x14ac:dyDescent="0.25">
      <c r="E177" s="37"/>
    </row>
    <row r="178" spans="5:5" ht="13.5" hidden="1" customHeight="1" x14ac:dyDescent="0.25">
      <c r="E178" s="37"/>
    </row>
    <row r="179" spans="5:5" ht="13.5" hidden="1" customHeight="1" x14ac:dyDescent="0.25">
      <c r="E179" s="37"/>
    </row>
    <row r="180" spans="5:5" ht="13.5" hidden="1" customHeight="1" x14ac:dyDescent="0.25">
      <c r="E180" s="37"/>
    </row>
    <row r="181" spans="5:5" ht="13.5" hidden="1" customHeight="1" x14ac:dyDescent="0.25">
      <c r="E181" s="37"/>
    </row>
    <row r="182" spans="5:5" ht="13.5" hidden="1" customHeight="1" x14ac:dyDescent="0.25">
      <c r="E182" s="37"/>
    </row>
    <row r="183" spans="5:5" ht="13.5" hidden="1" customHeight="1" x14ac:dyDescent="0.25">
      <c r="E183" s="37"/>
    </row>
    <row r="184" spans="5:5" ht="13.5" hidden="1" customHeight="1" x14ac:dyDescent="0.25">
      <c r="E184" s="37"/>
    </row>
    <row r="185" spans="5:5" ht="13.5" hidden="1" customHeight="1" x14ac:dyDescent="0.25">
      <c r="E185" s="37"/>
    </row>
    <row r="186" spans="5:5" ht="13.5" hidden="1" customHeight="1" x14ac:dyDescent="0.25">
      <c r="E186" s="37"/>
    </row>
    <row r="187" spans="5:5" ht="13.5" hidden="1" customHeight="1" x14ac:dyDescent="0.25">
      <c r="E187" s="37"/>
    </row>
    <row r="188" spans="5:5" ht="13.5" hidden="1" customHeight="1" x14ac:dyDescent="0.25">
      <c r="E188" s="37"/>
    </row>
    <row r="189" spans="5:5" ht="13.5" hidden="1" customHeight="1" x14ac:dyDescent="0.25">
      <c r="E189" s="37"/>
    </row>
    <row r="190" spans="5:5" ht="13.5" hidden="1" customHeight="1" x14ac:dyDescent="0.25">
      <c r="E190" s="37"/>
    </row>
    <row r="191" spans="5:5" ht="13.5" hidden="1" customHeight="1" x14ac:dyDescent="0.25">
      <c r="E191" s="37"/>
    </row>
    <row r="192" spans="5:5" ht="13.5" hidden="1" customHeight="1" x14ac:dyDescent="0.25">
      <c r="E192" s="37"/>
    </row>
    <row r="193" spans="5:5" ht="13.5" hidden="1" customHeight="1" x14ac:dyDescent="0.25">
      <c r="E193" s="37"/>
    </row>
    <row r="194" spans="5:5" ht="13.5" hidden="1" customHeight="1" x14ac:dyDescent="0.25">
      <c r="E194" s="37"/>
    </row>
    <row r="195" spans="5:5" ht="13.5" hidden="1" customHeight="1" x14ac:dyDescent="0.25">
      <c r="E195" s="37"/>
    </row>
    <row r="196" spans="5:5" ht="13.5" hidden="1" customHeight="1" x14ac:dyDescent="0.25">
      <c r="E196" s="37"/>
    </row>
    <row r="197" spans="5:5" ht="13.5" hidden="1" customHeight="1" x14ac:dyDescent="0.25">
      <c r="E197" s="37"/>
    </row>
    <row r="198" spans="5:5" ht="13.5" hidden="1" customHeight="1" x14ac:dyDescent="0.25">
      <c r="E198" s="37"/>
    </row>
    <row r="199" spans="5:5" ht="13.5" hidden="1" customHeight="1" x14ac:dyDescent="0.25">
      <c r="E199" s="37"/>
    </row>
    <row r="200" spans="5:5" ht="13.5" hidden="1" customHeight="1" x14ac:dyDescent="0.25">
      <c r="E200" s="37"/>
    </row>
    <row r="201" spans="5:5" ht="13.5" hidden="1" customHeight="1" x14ac:dyDescent="0.25">
      <c r="E201" s="37"/>
    </row>
    <row r="202" spans="5:5" ht="13.5" hidden="1" customHeight="1" x14ac:dyDescent="0.25">
      <c r="E202" s="37"/>
    </row>
    <row r="203" spans="5:5" ht="13.5" hidden="1" customHeight="1" x14ac:dyDescent="0.25">
      <c r="E203" s="37"/>
    </row>
    <row r="204" spans="5:5" ht="13.5" hidden="1" customHeight="1" x14ac:dyDescent="0.25">
      <c r="E204" s="37"/>
    </row>
    <row r="205" spans="5:5" ht="13.5" hidden="1" customHeight="1" x14ac:dyDescent="0.25">
      <c r="E205" s="37"/>
    </row>
    <row r="206" spans="5:5" ht="13.5" hidden="1" customHeight="1" x14ac:dyDescent="0.25">
      <c r="E206" s="37"/>
    </row>
    <row r="207" spans="5:5" ht="13.5" hidden="1" customHeight="1" x14ac:dyDescent="0.25">
      <c r="E207" s="37"/>
    </row>
    <row r="208" spans="5:5" ht="13.5" hidden="1" customHeight="1" x14ac:dyDescent="0.25">
      <c r="E208" s="37"/>
    </row>
    <row r="209" spans="5:5" ht="13.5" hidden="1" customHeight="1" x14ac:dyDescent="0.25">
      <c r="E209" s="37"/>
    </row>
    <row r="210" spans="5:5" ht="13.5" hidden="1" customHeight="1" x14ac:dyDescent="0.25">
      <c r="E210" s="37"/>
    </row>
    <row r="211" spans="5:5" ht="13.5" hidden="1" customHeight="1" x14ac:dyDescent="0.25">
      <c r="E211" s="37"/>
    </row>
    <row r="212" spans="5:5" ht="13.5" hidden="1" customHeight="1" x14ac:dyDescent="0.25">
      <c r="E212" s="37"/>
    </row>
    <row r="213" spans="5:5" ht="13.5" hidden="1" customHeight="1" x14ac:dyDescent="0.25">
      <c r="E213" s="37"/>
    </row>
    <row r="214" spans="5:5" ht="13.5" hidden="1" customHeight="1" x14ac:dyDescent="0.25">
      <c r="E214" s="37"/>
    </row>
    <row r="215" spans="5:5" ht="13.5" hidden="1" customHeight="1" x14ac:dyDescent="0.25">
      <c r="E215" s="37"/>
    </row>
    <row r="216" spans="5:5" ht="13.5" hidden="1" customHeight="1" x14ac:dyDescent="0.25">
      <c r="E216" s="37"/>
    </row>
    <row r="217" spans="5:5" ht="13.5" hidden="1" customHeight="1" x14ac:dyDescent="0.25">
      <c r="E217" s="37"/>
    </row>
    <row r="218" spans="5:5" ht="13.5" hidden="1" customHeight="1" x14ac:dyDescent="0.25">
      <c r="E218" s="37"/>
    </row>
    <row r="219" spans="5:5" ht="13.5" hidden="1" customHeight="1" x14ac:dyDescent="0.25">
      <c r="E219" s="37"/>
    </row>
    <row r="220" spans="5:5" ht="13.5" hidden="1" customHeight="1" x14ac:dyDescent="0.25">
      <c r="E220" s="37"/>
    </row>
    <row r="221" spans="5:5" ht="13.5" hidden="1" customHeight="1" x14ac:dyDescent="0.25">
      <c r="E221" s="37"/>
    </row>
    <row r="222" spans="5:5" ht="13.5" hidden="1" customHeight="1" x14ac:dyDescent="0.25">
      <c r="E222" s="37"/>
    </row>
    <row r="223" spans="5:5" ht="13.5" hidden="1" customHeight="1" x14ac:dyDescent="0.25">
      <c r="E223" s="37"/>
    </row>
    <row r="224" spans="5:5" ht="13.5" hidden="1" customHeight="1" x14ac:dyDescent="0.25">
      <c r="E224" s="37"/>
    </row>
    <row r="225" spans="5:5" ht="13.5" hidden="1" customHeight="1" x14ac:dyDescent="0.25">
      <c r="E225" s="37"/>
    </row>
    <row r="226" spans="5:5" ht="13.5" hidden="1" customHeight="1" x14ac:dyDescent="0.25">
      <c r="E226" s="37"/>
    </row>
    <row r="227" spans="5:5" ht="13.5" hidden="1" customHeight="1" x14ac:dyDescent="0.25">
      <c r="E227" s="37"/>
    </row>
    <row r="228" spans="5:5" ht="13.5" hidden="1" customHeight="1" x14ac:dyDescent="0.25">
      <c r="E228" s="37"/>
    </row>
    <row r="229" spans="5:5" ht="13.5" hidden="1" customHeight="1" x14ac:dyDescent="0.25">
      <c r="E229" s="37"/>
    </row>
    <row r="230" spans="5:5" ht="13.5" hidden="1" customHeight="1" x14ac:dyDescent="0.25">
      <c r="E230" s="37"/>
    </row>
    <row r="231" spans="5:5" ht="13.5" hidden="1" customHeight="1" x14ac:dyDescent="0.25">
      <c r="E231" s="37"/>
    </row>
    <row r="232" spans="5:5" ht="13.5" hidden="1" customHeight="1" x14ac:dyDescent="0.25">
      <c r="E232" s="37"/>
    </row>
    <row r="233" spans="5:5" ht="13.5" hidden="1" customHeight="1" x14ac:dyDescent="0.25">
      <c r="E233" s="37"/>
    </row>
    <row r="234" spans="5:5" ht="13.5" hidden="1" customHeight="1" x14ac:dyDescent="0.25">
      <c r="E234" s="37"/>
    </row>
    <row r="235" spans="5:5" ht="13.5" hidden="1" customHeight="1" x14ac:dyDescent="0.25">
      <c r="E235" s="37"/>
    </row>
    <row r="236" spans="5:5" ht="13.5" hidden="1" customHeight="1" x14ac:dyDescent="0.25">
      <c r="E236" s="37"/>
    </row>
    <row r="237" spans="5:5" ht="13.5" hidden="1" customHeight="1" x14ac:dyDescent="0.25">
      <c r="E237" s="37"/>
    </row>
    <row r="238" spans="5:5" ht="13.5" hidden="1" customHeight="1" x14ac:dyDescent="0.25">
      <c r="E238" s="37"/>
    </row>
    <row r="239" spans="5:5" ht="13.5" hidden="1" customHeight="1" x14ac:dyDescent="0.25">
      <c r="E239" s="37"/>
    </row>
    <row r="240" spans="5:5" ht="13.5" hidden="1" customHeight="1" x14ac:dyDescent="0.25">
      <c r="E240" s="37"/>
    </row>
    <row r="241" spans="5:5" ht="13.5" hidden="1" customHeight="1" x14ac:dyDescent="0.25">
      <c r="E241" s="37"/>
    </row>
    <row r="242" spans="5:5" ht="13.5" hidden="1" customHeight="1" x14ac:dyDescent="0.25">
      <c r="E242" s="37"/>
    </row>
    <row r="243" spans="5:5" ht="13.5" hidden="1" customHeight="1" x14ac:dyDescent="0.25">
      <c r="E243" s="37"/>
    </row>
    <row r="244" spans="5:5" ht="13.5" hidden="1" customHeight="1" x14ac:dyDescent="0.25">
      <c r="E244" s="37"/>
    </row>
    <row r="245" spans="5:5" ht="13.5" hidden="1" customHeight="1" x14ac:dyDescent="0.25">
      <c r="E245" s="37"/>
    </row>
    <row r="246" spans="5:5" ht="13.5" hidden="1" customHeight="1" x14ac:dyDescent="0.25">
      <c r="E246" s="37"/>
    </row>
    <row r="247" spans="5:5" ht="13.5" hidden="1" customHeight="1" x14ac:dyDescent="0.25">
      <c r="E247" s="37"/>
    </row>
    <row r="248" spans="5:5" ht="13.5" hidden="1" customHeight="1" x14ac:dyDescent="0.25">
      <c r="E248" s="37"/>
    </row>
    <row r="249" spans="5:5" ht="13.5" hidden="1" customHeight="1" x14ac:dyDescent="0.25">
      <c r="E249" s="37"/>
    </row>
    <row r="250" spans="5:5" ht="13.5" hidden="1" customHeight="1" x14ac:dyDescent="0.25">
      <c r="E250" s="37"/>
    </row>
    <row r="251" spans="5:5" ht="13.5" hidden="1" customHeight="1" x14ac:dyDescent="0.25">
      <c r="E251" s="37"/>
    </row>
    <row r="252" spans="5:5" ht="13.5" hidden="1" customHeight="1" x14ac:dyDescent="0.25">
      <c r="E252" s="37"/>
    </row>
    <row r="253" spans="5:5" ht="13.5" hidden="1" customHeight="1" x14ac:dyDescent="0.25">
      <c r="E253" s="37"/>
    </row>
    <row r="254" spans="5:5" ht="13.5" hidden="1" customHeight="1" x14ac:dyDescent="0.25">
      <c r="E254" s="37"/>
    </row>
    <row r="255" spans="5:5" ht="13.5" hidden="1" customHeight="1" x14ac:dyDescent="0.25">
      <c r="E255" s="37"/>
    </row>
    <row r="256" spans="5:5" ht="13.5" hidden="1" customHeight="1" x14ac:dyDescent="0.25">
      <c r="E256" s="37"/>
    </row>
    <row r="257" spans="5:5" ht="13.5" hidden="1" customHeight="1" x14ac:dyDescent="0.25">
      <c r="E257" s="37"/>
    </row>
    <row r="258" spans="5:5" ht="13.5" hidden="1" customHeight="1" x14ac:dyDescent="0.25">
      <c r="E258" s="37"/>
    </row>
    <row r="259" spans="5:5" ht="13.5" hidden="1" customHeight="1" x14ac:dyDescent="0.25">
      <c r="E259" s="37"/>
    </row>
    <row r="260" spans="5:5" ht="13.5" hidden="1" customHeight="1" x14ac:dyDescent="0.25">
      <c r="E260" s="37"/>
    </row>
    <row r="261" spans="5:5" ht="13.5" hidden="1" customHeight="1" x14ac:dyDescent="0.25">
      <c r="E261" s="37"/>
    </row>
    <row r="262" spans="5:5" ht="13.5" hidden="1" customHeight="1" x14ac:dyDescent="0.25">
      <c r="E262" s="37"/>
    </row>
    <row r="263" spans="5:5" ht="13.5" hidden="1" customHeight="1" x14ac:dyDescent="0.25">
      <c r="E263" s="37"/>
    </row>
    <row r="264" spans="5:5" ht="13.5" hidden="1" customHeight="1" x14ac:dyDescent="0.25">
      <c r="E264" s="37"/>
    </row>
    <row r="265" spans="5:5" ht="13.5" hidden="1" customHeight="1" x14ac:dyDescent="0.25">
      <c r="E265" s="37"/>
    </row>
    <row r="266" spans="5:5" ht="13.5" hidden="1" customHeight="1" x14ac:dyDescent="0.25">
      <c r="E266" s="37"/>
    </row>
    <row r="267" spans="5:5" ht="13.5" hidden="1" customHeight="1" x14ac:dyDescent="0.25">
      <c r="E267" s="37"/>
    </row>
    <row r="268" spans="5:5" ht="13.5" hidden="1" customHeight="1" x14ac:dyDescent="0.25">
      <c r="E268" s="37"/>
    </row>
    <row r="269" spans="5:5" ht="13.5" hidden="1" customHeight="1" x14ac:dyDescent="0.25">
      <c r="E269" s="37"/>
    </row>
    <row r="270" spans="5:5" ht="13.5" hidden="1" customHeight="1" x14ac:dyDescent="0.25">
      <c r="E270" s="37"/>
    </row>
    <row r="271" spans="5:5" ht="13.5" hidden="1" customHeight="1" x14ac:dyDescent="0.25">
      <c r="E271" s="37"/>
    </row>
    <row r="272" spans="5:5" ht="13.5" hidden="1" customHeight="1" x14ac:dyDescent="0.25">
      <c r="E272" s="37"/>
    </row>
    <row r="273" spans="5:5" ht="13.5" hidden="1" customHeight="1" x14ac:dyDescent="0.25">
      <c r="E273" s="37"/>
    </row>
    <row r="274" spans="5:5" ht="13.5" hidden="1" customHeight="1" x14ac:dyDescent="0.25">
      <c r="E274" s="37"/>
    </row>
    <row r="275" spans="5:5" ht="13.5" hidden="1" customHeight="1" x14ac:dyDescent="0.25">
      <c r="E275" s="37"/>
    </row>
    <row r="276" spans="5:5" ht="13.5" hidden="1" customHeight="1" x14ac:dyDescent="0.25">
      <c r="E276" s="37"/>
    </row>
    <row r="277" spans="5:5" ht="13.5" hidden="1" customHeight="1" x14ac:dyDescent="0.25">
      <c r="E277" s="37"/>
    </row>
    <row r="278" spans="5:5" ht="13.5" hidden="1" customHeight="1" x14ac:dyDescent="0.25">
      <c r="E278" s="37"/>
    </row>
    <row r="279" spans="5:5" ht="13.5" hidden="1" customHeight="1" x14ac:dyDescent="0.25">
      <c r="E279" s="37"/>
    </row>
    <row r="280" spans="5:5" ht="13.5" hidden="1" customHeight="1" x14ac:dyDescent="0.25">
      <c r="E280" s="37"/>
    </row>
    <row r="281" spans="5:5" ht="13.5" hidden="1" customHeight="1" x14ac:dyDescent="0.25">
      <c r="E281" s="37"/>
    </row>
    <row r="282" spans="5:5" ht="13.5" hidden="1" customHeight="1" x14ac:dyDescent="0.25">
      <c r="E282" s="37"/>
    </row>
    <row r="283" spans="5:5" ht="13.5" hidden="1" customHeight="1" x14ac:dyDescent="0.25">
      <c r="E283" s="37"/>
    </row>
    <row r="284" spans="5:5" ht="13.5" hidden="1" customHeight="1" x14ac:dyDescent="0.25">
      <c r="E284" s="37"/>
    </row>
    <row r="285" spans="5:5" ht="13.5" hidden="1" customHeight="1" x14ac:dyDescent="0.25">
      <c r="E285" s="37"/>
    </row>
    <row r="286" spans="5:5" ht="13.5" hidden="1" customHeight="1" x14ac:dyDescent="0.25">
      <c r="E286" s="37"/>
    </row>
    <row r="287" spans="5:5" ht="13.5" hidden="1" customHeight="1" x14ac:dyDescent="0.25">
      <c r="E287" s="37"/>
    </row>
    <row r="288" spans="5:5" ht="13.5" hidden="1" customHeight="1" x14ac:dyDescent="0.25">
      <c r="E288" s="37"/>
    </row>
    <row r="289" spans="5:5" ht="13.5" hidden="1" customHeight="1" x14ac:dyDescent="0.25">
      <c r="E289" s="37"/>
    </row>
    <row r="290" spans="5:5" ht="13.5" hidden="1" customHeight="1" x14ac:dyDescent="0.25">
      <c r="E290" s="37"/>
    </row>
    <row r="291" spans="5:5" ht="13.5" hidden="1" customHeight="1" x14ac:dyDescent="0.25">
      <c r="E291" s="37"/>
    </row>
    <row r="292" spans="5:5" ht="13.5" hidden="1" customHeight="1" x14ac:dyDescent="0.25">
      <c r="E292" s="37"/>
    </row>
    <row r="293" spans="5:5" ht="13.5" hidden="1" customHeight="1" x14ac:dyDescent="0.25">
      <c r="E293" s="37"/>
    </row>
    <row r="294" spans="5:5" ht="13.5" hidden="1" customHeight="1" x14ac:dyDescent="0.25">
      <c r="E294" s="37"/>
    </row>
    <row r="295" spans="5:5" ht="13.5" hidden="1" customHeight="1" x14ac:dyDescent="0.25">
      <c r="E295" s="37"/>
    </row>
    <row r="296" spans="5:5" ht="13.5" hidden="1" customHeight="1" x14ac:dyDescent="0.25">
      <c r="E296" s="37"/>
    </row>
    <row r="297" spans="5:5" ht="13.5" hidden="1" customHeight="1" x14ac:dyDescent="0.25">
      <c r="E297" s="37"/>
    </row>
    <row r="298" spans="5:5" ht="13.5" hidden="1" customHeight="1" x14ac:dyDescent="0.25">
      <c r="E298" s="37"/>
    </row>
    <row r="299" spans="5:5" ht="13.5" hidden="1" customHeight="1" x14ac:dyDescent="0.25">
      <c r="E299" s="37"/>
    </row>
    <row r="300" spans="5:5" ht="13.5" hidden="1" customHeight="1" x14ac:dyDescent="0.25">
      <c r="E300" s="37"/>
    </row>
    <row r="301" spans="5:5" ht="13.5" hidden="1" customHeight="1" x14ac:dyDescent="0.25">
      <c r="E301" s="37"/>
    </row>
    <row r="302" spans="5:5" ht="13.5" hidden="1" customHeight="1" x14ac:dyDescent="0.25">
      <c r="E302" s="37"/>
    </row>
    <row r="303" spans="5:5" ht="13.5" hidden="1" customHeight="1" x14ac:dyDescent="0.25">
      <c r="E303" s="37"/>
    </row>
    <row r="304" spans="5:5" ht="13.5" hidden="1" customHeight="1" x14ac:dyDescent="0.25">
      <c r="E304" s="37"/>
    </row>
    <row r="305" spans="5:5" ht="13.5" hidden="1" customHeight="1" x14ac:dyDescent="0.25">
      <c r="E305" s="37"/>
    </row>
    <row r="306" spans="5:5" ht="13.5" hidden="1" customHeight="1" x14ac:dyDescent="0.25">
      <c r="E306" s="37"/>
    </row>
    <row r="307" spans="5:5" ht="13.5" hidden="1" customHeight="1" x14ac:dyDescent="0.25">
      <c r="E307" s="37"/>
    </row>
    <row r="308" spans="5:5" ht="13.5" hidden="1" customHeight="1" x14ac:dyDescent="0.25">
      <c r="E308" s="37"/>
    </row>
    <row r="309" spans="5:5" ht="13.5" hidden="1" customHeight="1" x14ac:dyDescent="0.25">
      <c r="E309" s="37"/>
    </row>
    <row r="310" spans="5:5" ht="13.5" hidden="1" customHeight="1" x14ac:dyDescent="0.25">
      <c r="E310" s="37"/>
    </row>
    <row r="311" spans="5:5" ht="13.5" hidden="1" customHeight="1" x14ac:dyDescent="0.25">
      <c r="E311" s="37"/>
    </row>
    <row r="312" spans="5:5" ht="13.5" hidden="1" customHeight="1" x14ac:dyDescent="0.25">
      <c r="E312" s="37"/>
    </row>
    <row r="313" spans="5:5" ht="13.5" hidden="1" customHeight="1" x14ac:dyDescent="0.25">
      <c r="E313" s="37"/>
    </row>
    <row r="314" spans="5:5" ht="13.5" hidden="1" customHeight="1" x14ac:dyDescent="0.25">
      <c r="E314" s="37"/>
    </row>
    <row r="315" spans="5:5" ht="13.5" hidden="1" customHeight="1" x14ac:dyDescent="0.25">
      <c r="E315" s="37"/>
    </row>
    <row r="316" spans="5:5" ht="13.5" hidden="1" customHeight="1" x14ac:dyDescent="0.25">
      <c r="E316" s="37"/>
    </row>
    <row r="317" spans="5:5" ht="13.5" hidden="1" customHeight="1" x14ac:dyDescent="0.25">
      <c r="E317" s="37"/>
    </row>
    <row r="318" spans="5:5" ht="13.5" hidden="1" customHeight="1" x14ac:dyDescent="0.25">
      <c r="E318" s="37"/>
    </row>
    <row r="319" spans="5:5" ht="13.5" hidden="1" customHeight="1" x14ac:dyDescent="0.25">
      <c r="E319" s="37"/>
    </row>
    <row r="320" spans="5:5" ht="13.5" hidden="1" customHeight="1" x14ac:dyDescent="0.25">
      <c r="E320" s="37"/>
    </row>
    <row r="321" spans="5:5" ht="13.5" hidden="1" customHeight="1" x14ac:dyDescent="0.25">
      <c r="E321" s="37"/>
    </row>
    <row r="322" spans="5:5" ht="13.5" hidden="1" customHeight="1" x14ac:dyDescent="0.25">
      <c r="E322" s="37"/>
    </row>
    <row r="323" spans="5:5" ht="13.5" hidden="1" customHeight="1" x14ac:dyDescent="0.25">
      <c r="E323" s="37"/>
    </row>
    <row r="324" spans="5:5" ht="13.5" hidden="1" customHeight="1" x14ac:dyDescent="0.25">
      <c r="E324" s="37"/>
    </row>
    <row r="325" spans="5:5" ht="13.5" hidden="1" customHeight="1" x14ac:dyDescent="0.25">
      <c r="E325" s="37"/>
    </row>
    <row r="326" spans="5:5" ht="13.5" hidden="1" customHeight="1" x14ac:dyDescent="0.25">
      <c r="E326" s="37"/>
    </row>
    <row r="327" spans="5:5" ht="13.5" hidden="1" customHeight="1" x14ac:dyDescent="0.25">
      <c r="E327" s="37"/>
    </row>
    <row r="328" spans="5:5" ht="13.5" hidden="1" customHeight="1" x14ac:dyDescent="0.25">
      <c r="E328" s="37"/>
    </row>
    <row r="329" spans="5:5" ht="13.5" hidden="1" customHeight="1" x14ac:dyDescent="0.25">
      <c r="E329" s="37"/>
    </row>
    <row r="330" spans="5:5" ht="13.5" hidden="1" customHeight="1" x14ac:dyDescent="0.25">
      <c r="E330" s="37"/>
    </row>
    <row r="331" spans="5:5" ht="13.5" hidden="1" customHeight="1" x14ac:dyDescent="0.25">
      <c r="E331" s="37"/>
    </row>
    <row r="332" spans="5:5" ht="13.5" hidden="1" customHeight="1" x14ac:dyDescent="0.25">
      <c r="E332" s="37"/>
    </row>
    <row r="333" spans="5:5" ht="13.5" hidden="1" customHeight="1" x14ac:dyDescent="0.25">
      <c r="E333" s="37"/>
    </row>
    <row r="334" spans="5:5" ht="13.5" hidden="1" customHeight="1" x14ac:dyDescent="0.25">
      <c r="E334" s="37"/>
    </row>
    <row r="335" spans="5:5" ht="13.5" hidden="1" customHeight="1" x14ac:dyDescent="0.25">
      <c r="E335" s="37"/>
    </row>
    <row r="336" spans="5:5" ht="13.5" hidden="1" customHeight="1" x14ac:dyDescent="0.25">
      <c r="E336" s="37"/>
    </row>
    <row r="337" spans="5:5" ht="13.5" hidden="1" customHeight="1" x14ac:dyDescent="0.25">
      <c r="E337" s="37"/>
    </row>
    <row r="338" spans="5:5" ht="13.5" hidden="1" customHeight="1" x14ac:dyDescent="0.25">
      <c r="E338" s="37"/>
    </row>
    <row r="339" spans="5:5" ht="13.5" hidden="1" customHeight="1" x14ac:dyDescent="0.25">
      <c r="E339" s="37"/>
    </row>
    <row r="340" spans="5:5" ht="13.5" hidden="1" customHeight="1" x14ac:dyDescent="0.25">
      <c r="E340" s="37"/>
    </row>
    <row r="341" spans="5:5" ht="13.5" hidden="1" customHeight="1" x14ac:dyDescent="0.25">
      <c r="E341" s="37"/>
    </row>
    <row r="342" spans="5:5" ht="13.5" hidden="1" customHeight="1" x14ac:dyDescent="0.25">
      <c r="E342" s="37"/>
    </row>
    <row r="343" spans="5:5" ht="13.5" hidden="1" customHeight="1" x14ac:dyDescent="0.25">
      <c r="E343" s="37"/>
    </row>
    <row r="344" spans="5:5" ht="13.5" hidden="1" customHeight="1" x14ac:dyDescent="0.25">
      <c r="E344" s="37"/>
    </row>
    <row r="345" spans="5:5" ht="13.5" hidden="1" customHeight="1" x14ac:dyDescent="0.25">
      <c r="E345" s="37"/>
    </row>
    <row r="346" spans="5:5" ht="13.5" hidden="1" customHeight="1" x14ac:dyDescent="0.25">
      <c r="E346" s="37"/>
    </row>
    <row r="347" spans="5:5" ht="13.5" hidden="1" customHeight="1" x14ac:dyDescent="0.25">
      <c r="E347" s="37"/>
    </row>
    <row r="348" spans="5:5" ht="13.5" hidden="1" customHeight="1" x14ac:dyDescent="0.25">
      <c r="E348" s="37"/>
    </row>
    <row r="349" spans="5:5" ht="13.5" hidden="1" customHeight="1" x14ac:dyDescent="0.25">
      <c r="E349" s="37"/>
    </row>
    <row r="350" spans="5:5" ht="13.5" hidden="1" customHeight="1" x14ac:dyDescent="0.25">
      <c r="E350" s="37"/>
    </row>
    <row r="351" spans="5:5" ht="13.5" hidden="1" customHeight="1" x14ac:dyDescent="0.25">
      <c r="E351" s="37"/>
    </row>
    <row r="352" spans="5:5" ht="13.5" hidden="1" customHeight="1" x14ac:dyDescent="0.25">
      <c r="E352" s="37"/>
    </row>
    <row r="353" spans="5:5" ht="13.5" hidden="1" customHeight="1" x14ac:dyDescent="0.25">
      <c r="E353" s="37"/>
    </row>
    <row r="354" spans="5:5" ht="13.5" hidden="1" customHeight="1" x14ac:dyDescent="0.25">
      <c r="E354" s="37"/>
    </row>
    <row r="355" spans="5:5" ht="13.5" hidden="1" customHeight="1" x14ac:dyDescent="0.25">
      <c r="E355" s="37"/>
    </row>
    <row r="356" spans="5:5" ht="13.5" hidden="1" customHeight="1" x14ac:dyDescent="0.25">
      <c r="E356" s="37"/>
    </row>
    <row r="357" spans="5:5" ht="13.5" hidden="1" customHeight="1" x14ac:dyDescent="0.25">
      <c r="E357" s="37"/>
    </row>
    <row r="358" spans="5:5" ht="13.5" hidden="1" customHeight="1" x14ac:dyDescent="0.25">
      <c r="E358" s="37"/>
    </row>
    <row r="359" spans="5:5" ht="13.5" hidden="1" customHeight="1" x14ac:dyDescent="0.25">
      <c r="E359" s="37"/>
    </row>
    <row r="360" spans="5:5" ht="13.5" hidden="1" customHeight="1" x14ac:dyDescent="0.25">
      <c r="E360" s="37"/>
    </row>
    <row r="361" spans="5:5" ht="13.5" hidden="1" customHeight="1" x14ac:dyDescent="0.25">
      <c r="E361" s="37"/>
    </row>
    <row r="362" spans="5:5" ht="13.5" hidden="1" customHeight="1" x14ac:dyDescent="0.25">
      <c r="E362" s="37"/>
    </row>
    <row r="363" spans="5:5" ht="13.5" hidden="1" customHeight="1" x14ac:dyDescent="0.25">
      <c r="E363" s="37"/>
    </row>
    <row r="364" spans="5:5" ht="13.5" hidden="1" customHeight="1" x14ac:dyDescent="0.25">
      <c r="E364" s="37"/>
    </row>
    <row r="365" spans="5:5" ht="13.5" hidden="1" customHeight="1" x14ac:dyDescent="0.25">
      <c r="E365" s="37"/>
    </row>
    <row r="366" spans="5:5" ht="13.5" hidden="1" customHeight="1" x14ac:dyDescent="0.25">
      <c r="E366" s="37"/>
    </row>
    <row r="367" spans="5:5" ht="13.5" hidden="1" customHeight="1" x14ac:dyDescent="0.25">
      <c r="E367" s="37"/>
    </row>
    <row r="368" spans="5:5" ht="13.5" hidden="1" customHeight="1" x14ac:dyDescent="0.25">
      <c r="E368" s="37"/>
    </row>
    <row r="369" spans="5:5" ht="13.5" hidden="1" customHeight="1" x14ac:dyDescent="0.25">
      <c r="E369" s="37"/>
    </row>
    <row r="370" spans="5:5" ht="13.5" hidden="1" customHeight="1" x14ac:dyDescent="0.25">
      <c r="E370" s="37"/>
    </row>
    <row r="371" spans="5:5" ht="13.5" hidden="1" customHeight="1" x14ac:dyDescent="0.25">
      <c r="E371" s="37"/>
    </row>
    <row r="372" spans="5:5" ht="13.5" hidden="1" customHeight="1" x14ac:dyDescent="0.25">
      <c r="E372" s="37"/>
    </row>
    <row r="373" spans="5:5" ht="13.5" hidden="1" customHeight="1" x14ac:dyDescent="0.25">
      <c r="E373" s="37"/>
    </row>
    <row r="374" spans="5:5" ht="13.5" hidden="1" customHeight="1" x14ac:dyDescent="0.25">
      <c r="E374" s="37"/>
    </row>
    <row r="375" spans="5:5" ht="13.5" hidden="1" customHeight="1" x14ac:dyDescent="0.25">
      <c r="E375" s="37"/>
    </row>
    <row r="376" spans="5:5" ht="13.5" hidden="1" customHeight="1" x14ac:dyDescent="0.25">
      <c r="E376" s="37"/>
    </row>
    <row r="377" spans="5:5" ht="13.5" hidden="1" customHeight="1" x14ac:dyDescent="0.25">
      <c r="E377" s="37"/>
    </row>
    <row r="378" spans="5:5" ht="13.5" hidden="1" customHeight="1" x14ac:dyDescent="0.25">
      <c r="E378" s="37"/>
    </row>
    <row r="379" spans="5:5" ht="13.5" hidden="1" customHeight="1" x14ac:dyDescent="0.25">
      <c r="E379" s="37"/>
    </row>
    <row r="380" spans="5:5" ht="13.5" hidden="1" customHeight="1" x14ac:dyDescent="0.25">
      <c r="E380" s="37"/>
    </row>
    <row r="381" spans="5:5" ht="13.5" hidden="1" customHeight="1" x14ac:dyDescent="0.25">
      <c r="E381" s="37"/>
    </row>
    <row r="382" spans="5:5" ht="13.5" hidden="1" customHeight="1" x14ac:dyDescent="0.25">
      <c r="E382" s="37"/>
    </row>
    <row r="383" spans="5:5" ht="13.5" hidden="1" customHeight="1" x14ac:dyDescent="0.25">
      <c r="E383" s="37"/>
    </row>
    <row r="384" spans="5:5" ht="13.5" hidden="1" customHeight="1" x14ac:dyDescent="0.25">
      <c r="E384" s="37"/>
    </row>
    <row r="385" spans="5:5" ht="13.5" hidden="1" customHeight="1" x14ac:dyDescent="0.25">
      <c r="E385" s="37"/>
    </row>
    <row r="386" spans="5:5" ht="13.5" hidden="1" customHeight="1" x14ac:dyDescent="0.25">
      <c r="E386" s="37"/>
    </row>
    <row r="387" spans="5:5" ht="13.5" hidden="1" customHeight="1" x14ac:dyDescent="0.25">
      <c r="E387" s="37"/>
    </row>
    <row r="388" spans="5:5" ht="13.5" hidden="1" customHeight="1" x14ac:dyDescent="0.25">
      <c r="E388" s="37"/>
    </row>
    <row r="389" spans="5:5" ht="13.5" hidden="1" customHeight="1" x14ac:dyDescent="0.25">
      <c r="E389" s="37"/>
    </row>
    <row r="390" spans="5:5" ht="13.5" hidden="1" customHeight="1" x14ac:dyDescent="0.25">
      <c r="E390" s="37"/>
    </row>
    <row r="391" spans="5:5" ht="13.5" hidden="1" customHeight="1" x14ac:dyDescent="0.25">
      <c r="E391" s="37"/>
    </row>
    <row r="392" spans="5:5" ht="13.5" hidden="1" customHeight="1" x14ac:dyDescent="0.25">
      <c r="E392" s="37"/>
    </row>
    <row r="393" spans="5:5" ht="13.5" hidden="1" customHeight="1" x14ac:dyDescent="0.25">
      <c r="E393" s="37"/>
    </row>
    <row r="394" spans="5:5" ht="13.5" hidden="1" customHeight="1" x14ac:dyDescent="0.25">
      <c r="E394" s="37"/>
    </row>
    <row r="395" spans="5:5" ht="13.5" hidden="1" customHeight="1" x14ac:dyDescent="0.25">
      <c r="E395" s="37"/>
    </row>
    <row r="396" spans="5:5" ht="13.5" hidden="1" customHeight="1" x14ac:dyDescent="0.25">
      <c r="E396" s="37"/>
    </row>
    <row r="397" spans="5:5" ht="13.5" hidden="1" customHeight="1" x14ac:dyDescent="0.25">
      <c r="E397" s="37"/>
    </row>
    <row r="398" spans="5:5" ht="13.5" hidden="1" customHeight="1" x14ac:dyDescent="0.25">
      <c r="E398" s="37"/>
    </row>
    <row r="399" spans="5:5" ht="13.5" hidden="1" customHeight="1" x14ac:dyDescent="0.25">
      <c r="E399" s="37"/>
    </row>
    <row r="400" spans="5:5" ht="13.5" hidden="1" customHeight="1" x14ac:dyDescent="0.25">
      <c r="E400" s="37"/>
    </row>
    <row r="401" spans="5:5" ht="13.5" hidden="1" customHeight="1" x14ac:dyDescent="0.25">
      <c r="E401" s="37"/>
    </row>
    <row r="402" spans="5:5" ht="13.5" hidden="1" customHeight="1" x14ac:dyDescent="0.25">
      <c r="E402" s="37"/>
    </row>
    <row r="403" spans="5:5" ht="13.5" hidden="1" customHeight="1" x14ac:dyDescent="0.25">
      <c r="E403" s="37"/>
    </row>
    <row r="404" spans="5:5" ht="13.5" hidden="1" customHeight="1" x14ac:dyDescent="0.25">
      <c r="E404" s="37"/>
    </row>
    <row r="405" spans="5:5" ht="13.5" hidden="1" customHeight="1" x14ac:dyDescent="0.25">
      <c r="E405" s="37"/>
    </row>
    <row r="406" spans="5:5" ht="13.5" hidden="1" customHeight="1" x14ac:dyDescent="0.25">
      <c r="E406" s="37"/>
    </row>
    <row r="407" spans="5:5" ht="13.5" hidden="1" customHeight="1" x14ac:dyDescent="0.25">
      <c r="E407" s="37"/>
    </row>
    <row r="408" spans="5:5" ht="13.5" hidden="1" customHeight="1" x14ac:dyDescent="0.25">
      <c r="E408" s="37"/>
    </row>
    <row r="409" spans="5:5" ht="13.5" hidden="1" customHeight="1" x14ac:dyDescent="0.25">
      <c r="E409" s="37"/>
    </row>
    <row r="410" spans="5:5" ht="13.5" hidden="1" customHeight="1" x14ac:dyDescent="0.25">
      <c r="E410" s="37"/>
    </row>
    <row r="411" spans="5:5" ht="13.5" hidden="1" customHeight="1" x14ac:dyDescent="0.25">
      <c r="E411" s="37"/>
    </row>
    <row r="412" spans="5:5" ht="13.5" hidden="1" customHeight="1" x14ac:dyDescent="0.25">
      <c r="E412" s="37"/>
    </row>
    <row r="413" spans="5:5" ht="13.5" hidden="1" customHeight="1" x14ac:dyDescent="0.25">
      <c r="E413" s="37"/>
    </row>
    <row r="414" spans="5:5" ht="13.5" hidden="1" customHeight="1" x14ac:dyDescent="0.25">
      <c r="E414" s="37"/>
    </row>
    <row r="415" spans="5:5" ht="13.5" hidden="1" customHeight="1" x14ac:dyDescent="0.25">
      <c r="E415" s="37"/>
    </row>
    <row r="416" spans="5:5" ht="13.5" hidden="1" customHeight="1" x14ac:dyDescent="0.25">
      <c r="E416" s="37"/>
    </row>
    <row r="417" spans="5:5" ht="13.5" hidden="1" customHeight="1" x14ac:dyDescent="0.25">
      <c r="E417" s="37"/>
    </row>
    <row r="418" spans="5:5" ht="13.5" hidden="1" customHeight="1" x14ac:dyDescent="0.25">
      <c r="E418" s="37"/>
    </row>
    <row r="419" spans="5:5" ht="13.5" hidden="1" customHeight="1" x14ac:dyDescent="0.25">
      <c r="E419" s="37"/>
    </row>
    <row r="420" spans="5:5" ht="13.5" hidden="1" customHeight="1" x14ac:dyDescent="0.25">
      <c r="E420" s="37"/>
    </row>
    <row r="421" spans="5:5" ht="13.5" hidden="1" customHeight="1" x14ac:dyDescent="0.25">
      <c r="E421" s="37"/>
    </row>
    <row r="422" spans="5:5" ht="13.5" hidden="1" customHeight="1" x14ac:dyDescent="0.25">
      <c r="E422" s="37"/>
    </row>
    <row r="423" spans="5:5" ht="13.5" hidden="1" customHeight="1" x14ac:dyDescent="0.25">
      <c r="E423" s="37"/>
    </row>
    <row r="424" spans="5:5" ht="13.5" hidden="1" customHeight="1" x14ac:dyDescent="0.25">
      <c r="E424" s="37"/>
    </row>
    <row r="425" spans="5:5" ht="13.5" hidden="1" customHeight="1" x14ac:dyDescent="0.25">
      <c r="E425" s="37"/>
    </row>
    <row r="426" spans="5:5" ht="13.5" hidden="1" customHeight="1" x14ac:dyDescent="0.25">
      <c r="E426" s="37"/>
    </row>
    <row r="427" spans="5:5" ht="13.5" hidden="1" customHeight="1" x14ac:dyDescent="0.25">
      <c r="E427" s="37"/>
    </row>
    <row r="428" spans="5:5" ht="13.5" hidden="1" customHeight="1" x14ac:dyDescent="0.25">
      <c r="E428" s="37"/>
    </row>
    <row r="429" spans="5:5" ht="13.5" hidden="1" customHeight="1" x14ac:dyDescent="0.25">
      <c r="E429" s="37"/>
    </row>
    <row r="430" spans="5:5" ht="13.5" hidden="1" customHeight="1" x14ac:dyDescent="0.25">
      <c r="E430" s="37"/>
    </row>
    <row r="431" spans="5:5" ht="13.5" hidden="1" customHeight="1" x14ac:dyDescent="0.25">
      <c r="E431" s="37"/>
    </row>
    <row r="432" spans="5:5" ht="13.5" hidden="1" customHeight="1" x14ac:dyDescent="0.25">
      <c r="E432" s="37"/>
    </row>
    <row r="433" spans="5:5" ht="13.5" hidden="1" customHeight="1" x14ac:dyDescent="0.25">
      <c r="E433" s="37"/>
    </row>
    <row r="434" spans="5:5" ht="13.5" hidden="1" customHeight="1" x14ac:dyDescent="0.25">
      <c r="E434" s="37"/>
    </row>
    <row r="435" spans="5:5" ht="13.5" hidden="1" customHeight="1" x14ac:dyDescent="0.25">
      <c r="E435" s="37"/>
    </row>
    <row r="436" spans="5:5" ht="13.5" hidden="1" customHeight="1" x14ac:dyDescent="0.25">
      <c r="E436" s="37"/>
    </row>
    <row r="437" spans="5:5" ht="13.5" hidden="1" customHeight="1" x14ac:dyDescent="0.25">
      <c r="E437" s="37"/>
    </row>
    <row r="438" spans="5:5" ht="13.5" hidden="1" customHeight="1" x14ac:dyDescent="0.25">
      <c r="E438" s="37"/>
    </row>
    <row r="439" spans="5:5" ht="13.5" hidden="1" customHeight="1" x14ac:dyDescent="0.25">
      <c r="E439" s="37"/>
    </row>
    <row r="440" spans="5:5" ht="13.5" hidden="1" customHeight="1" x14ac:dyDescent="0.25">
      <c r="E440" s="37"/>
    </row>
    <row r="441" spans="5:5" ht="13.5" hidden="1" customHeight="1" x14ac:dyDescent="0.25">
      <c r="E441" s="37"/>
    </row>
    <row r="442" spans="5:5" ht="13.5" hidden="1" customHeight="1" x14ac:dyDescent="0.25">
      <c r="E442" s="37"/>
    </row>
    <row r="443" spans="5:5" ht="13.5" hidden="1" customHeight="1" x14ac:dyDescent="0.25">
      <c r="E443" s="37"/>
    </row>
    <row r="444" spans="5:5" ht="13.5" hidden="1" customHeight="1" x14ac:dyDescent="0.25">
      <c r="E444" s="37"/>
    </row>
    <row r="445" spans="5:5" ht="13.5" hidden="1" customHeight="1" x14ac:dyDescent="0.25">
      <c r="E445" s="37"/>
    </row>
    <row r="446" spans="5:5" ht="13.5" hidden="1" customHeight="1" x14ac:dyDescent="0.25">
      <c r="E446" s="37"/>
    </row>
    <row r="447" spans="5:5" ht="13.5" hidden="1" customHeight="1" x14ac:dyDescent="0.25">
      <c r="E447" s="37"/>
    </row>
    <row r="448" spans="5:5" ht="13.5" hidden="1" customHeight="1" x14ac:dyDescent="0.25">
      <c r="E448" s="37"/>
    </row>
    <row r="449" spans="5:5" ht="13.5" hidden="1" customHeight="1" x14ac:dyDescent="0.25">
      <c r="E449" s="37"/>
    </row>
    <row r="450" spans="5:5" ht="13.5" hidden="1" customHeight="1" x14ac:dyDescent="0.25">
      <c r="E450" s="37"/>
    </row>
    <row r="451" spans="5:5" ht="13.5" hidden="1" customHeight="1" x14ac:dyDescent="0.25">
      <c r="E451" s="37"/>
    </row>
    <row r="452" spans="5:5" ht="13.5" hidden="1" customHeight="1" x14ac:dyDescent="0.25">
      <c r="E452" s="37"/>
    </row>
    <row r="453" spans="5:5" ht="13.5" hidden="1" customHeight="1" x14ac:dyDescent="0.25">
      <c r="E453" s="37"/>
    </row>
    <row r="454" spans="5:5" ht="13.5" hidden="1" customHeight="1" x14ac:dyDescent="0.25">
      <c r="E454" s="37"/>
    </row>
    <row r="455" spans="5:5" ht="13.5" hidden="1" customHeight="1" x14ac:dyDescent="0.25">
      <c r="E455" s="37"/>
    </row>
    <row r="456" spans="5:5" ht="13.5" hidden="1" customHeight="1" x14ac:dyDescent="0.25">
      <c r="E456" s="37"/>
    </row>
    <row r="457" spans="5:5" ht="13.5" hidden="1" customHeight="1" x14ac:dyDescent="0.25">
      <c r="E457" s="37"/>
    </row>
    <row r="458" spans="5:5" ht="13.5" hidden="1" customHeight="1" x14ac:dyDescent="0.25">
      <c r="E458" s="37"/>
    </row>
    <row r="459" spans="5:5" ht="13.5" hidden="1" customHeight="1" x14ac:dyDescent="0.25">
      <c r="E459" s="37"/>
    </row>
    <row r="460" spans="5:5" ht="13.5" hidden="1" customHeight="1" x14ac:dyDescent="0.25">
      <c r="E460" s="37"/>
    </row>
    <row r="461" spans="5:5" ht="13.5" hidden="1" customHeight="1" x14ac:dyDescent="0.25">
      <c r="E461" s="37"/>
    </row>
    <row r="462" spans="5:5" ht="13.5" hidden="1" customHeight="1" x14ac:dyDescent="0.25">
      <c r="E462" s="37"/>
    </row>
    <row r="463" spans="5:5" ht="13.5" hidden="1" customHeight="1" x14ac:dyDescent="0.25">
      <c r="E463" s="37"/>
    </row>
    <row r="464" spans="5:5" ht="13.5" hidden="1" customHeight="1" x14ac:dyDescent="0.25">
      <c r="E464" s="37"/>
    </row>
    <row r="465" spans="5:5" ht="13.5" hidden="1" customHeight="1" x14ac:dyDescent="0.25">
      <c r="E465" s="37"/>
    </row>
    <row r="466" spans="5:5" ht="13.5" hidden="1" customHeight="1" x14ac:dyDescent="0.25">
      <c r="E466" s="37"/>
    </row>
    <row r="467" spans="5:5" ht="13.5" hidden="1" customHeight="1" x14ac:dyDescent="0.25">
      <c r="E467" s="37"/>
    </row>
    <row r="468" spans="5:5" ht="13.5" hidden="1" customHeight="1" x14ac:dyDescent="0.25">
      <c r="E468" s="37"/>
    </row>
    <row r="469" spans="5:5" ht="13.5" hidden="1" customHeight="1" x14ac:dyDescent="0.25">
      <c r="E469" s="37"/>
    </row>
    <row r="470" spans="5:5" ht="13.5" hidden="1" customHeight="1" x14ac:dyDescent="0.25">
      <c r="E470" s="37"/>
    </row>
    <row r="471" spans="5:5" ht="13.5" hidden="1" customHeight="1" x14ac:dyDescent="0.25">
      <c r="E471" s="37"/>
    </row>
    <row r="472" spans="5:5" ht="13.5" hidden="1" customHeight="1" x14ac:dyDescent="0.25">
      <c r="E472" s="37"/>
    </row>
    <row r="473" spans="5:5" ht="13.5" hidden="1" customHeight="1" x14ac:dyDescent="0.25">
      <c r="E473" s="37"/>
    </row>
    <row r="474" spans="5:5" ht="13.5" hidden="1" customHeight="1" x14ac:dyDescent="0.25">
      <c r="E474" s="37"/>
    </row>
    <row r="475" spans="5:5" ht="13.5" hidden="1" customHeight="1" x14ac:dyDescent="0.25">
      <c r="E475" s="37"/>
    </row>
    <row r="476" spans="5:5" ht="13.5" hidden="1" customHeight="1" x14ac:dyDescent="0.25">
      <c r="E476" s="37"/>
    </row>
    <row r="477" spans="5:5" ht="13.5" hidden="1" customHeight="1" x14ac:dyDescent="0.25">
      <c r="E477" s="37"/>
    </row>
    <row r="478" spans="5:5" ht="13.5" hidden="1" customHeight="1" x14ac:dyDescent="0.25">
      <c r="E478" s="37"/>
    </row>
    <row r="479" spans="5:5" ht="13.5" hidden="1" customHeight="1" x14ac:dyDescent="0.25">
      <c r="E479" s="37"/>
    </row>
    <row r="480" spans="5:5" ht="13.5" hidden="1" customHeight="1" x14ac:dyDescent="0.25">
      <c r="E480" s="37"/>
    </row>
    <row r="481" spans="5:5" ht="13.5" hidden="1" customHeight="1" x14ac:dyDescent="0.25">
      <c r="E481" s="37"/>
    </row>
    <row r="482" spans="5:5" ht="13.5" hidden="1" customHeight="1" x14ac:dyDescent="0.25">
      <c r="E482" s="37"/>
    </row>
    <row r="483" spans="5:5" ht="13.5" hidden="1" customHeight="1" x14ac:dyDescent="0.25">
      <c r="E483" s="37"/>
    </row>
    <row r="484" spans="5:5" ht="13.5" hidden="1" customHeight="1" x14ac:dyDescent="0.25">
      <c r="E484" s="37"/>
    </row>
    <row r="485" spans="5:5" ht="13.5" hidden="1" customHeight="1" x14ac:dyDescent="0.25">
      <c r="E485" s="37"/>
    </row>
    <row r="486" spans="5:5" ht="13.5" hidden="1" customHeight="1" x14ac:dyDescent="0.25">
      <c r="E486" s="37"/>
    </row>
    <row r="487" spans="5:5" ht="13.5" hidden="1" customHeight="1" x14ac:dyDescent="0.25">
      <c r="E487" s="37"/>
    </row>
    <row r="488" spans="5:5" ht="13.5" hidden="1" customHeight="1" x14ac:dyDescent="0.25">
      <c r="E488" s="37"/>
    </row>
    <row r="489" spans="5:5" ht="13.5" hidden="1" customHeight="1" x14ac:dyDescent="0.25">
      <c r="E489" s="37"/>
    </row>
    <row r="490" spans="5:5" ht="13.5" hidden="1" customHeight="1" x14ac:dyDescent="0.25">
      <c r="E490" s="37"/>
    </row>
    <row r="491" spans="5:5" ht="13.5" hidden="1" customHeight="1" x14ac:dyDescent="0.25">
      <c r="E491" s="37"/>
    </row>
    <row r="492" spans="5:5" ht="13.5" hidden="1" customHeight="1" x14ac:dyDescent="0.25">
      <c r="E492" s="37"/>
    </row>
    <row r="493" spans="5:5" ht="13.5" hidden="1" customHeight="1" x14ac:dyDescent="0.25">
      <c r="E493" s="37"/>
    </row>
    <row r="494" spans="5:5" ht="13.5" hidden="1" customHeight="1" x14ac:dyDescent="0.25">
      <c r="E494" s="37"/>
    </row>
    <row r="495" spans="5:5" ht="13.5" hidden="1" customHeight="1" x14ac:dyDescent="0.25">
      <c r="E495" s="37"/>
    </row>
    <row r="496" spans="5:5" ht="13.5" hidden="1" customHeight="1" x14ac:dyDescent="0.25">
      <c r="E496" s="37"/>
    </row>
    <row r="497" spans="5:5" ht="13.5" hidden="1" customHeight="1" x14ac:dyDescent="0.25">
      <c r="E497" s="37"/>
    </row>
    <row r="498" spans="5:5" ht="13.5" hidden="1" customHeight="1" x14ac:dyDescent="0.25">
      <c r="E498" s="37"/>
    </row>
    <row r="499" spans="5:5" ht="13.5" hidden="1" customHeight="1" x14ac:dyDescent="0.25">
      <c r="E499" s="37"/>
    </row>
    <row r="500" spans="5:5" ht="13.5" hidden="1" customHeight="1" x14ac:dyDescent="0.25">
      <c r="E500" s="37"/>
    </row>
    <row r="501" spans="5:5" ht="13.5" hidden="1" customHeight="1" x14ac:dyDescent="0.25">
      <c r="E501" s="37"/>
    </row>
    <row r="502" spans="5:5" ht="13.5" hidden="1" customHeight="1" x14ac:dyDescent="0.25">
      <c r="E502" s="37"/>
    </row>
    <row r="503" spans="5:5" ht="13.5" hidden="1" customHeight="1" x14ac:dyDescent="0.25">
      <c r="E503" s="37"/>
    </row>
    <row r="504" spans="5:5" ht="13.5" hidden="1" customHeight="1" x14ac:dyDescent="0.25">
      <c r="E504" s="37"/>
    </row>
    <row r="505" spans="5:5" ht="13.5" hidden="1" customHeight="1" x14ac:dyDescent="0.25">
      <c r="E505" s="37"/>
    </row>
    <row r="506" spans="5:5" ht="13.5" hidden="1" customHeight="1" x14ac:dyDescent="0.25">
      <c r="E506" s="37"/>
    </row>
    <row r="507" spans="5:5" ht="13.5" hidden="1" customHeight="1" x14ac:dyDescent="0.25">
      <c r="E507" s="37"/>
    </row>
    <row r="508" spans="5:5" ht="13.5" hidden="1" customHeight="1" x14ac:dyDescent="0.25">
      <c r="E508" s="37"/>
    </row>
    <row r="509" spans="5:5" ht="13.5" hidden="1" customHeight="1" x14ac:dyDescent="0.25">
      <c r="E509" s="37"/>
    </row>
    <row r="510" spans="5:5" ht="13.5" hidden="1" customHeight="1" x14ac:dyDescent="0.25">
      <c r="E510" s="37"/>
    </row>
    <row r="511" spans="5:5" ht="13.5" hidden="1" customHeight="1" x14ac:dyDescent="0.25">
      <c r="E511" s="37"/>
    </row>
    <row r="512" spans="5:5" ht="13.5" hidden="1" customHeight="1" x14ac:dyDescent="0.25">
      <c r="E512" s="37"/>
    </row>
    <row r="513" spans="5:5" ht="13.5" hidden="1" customHeight="1" x14ac:dyDescent="0.25">
      <c r="E513" s="37"/>
    </row>
    <row r="514" spans="5:5" ht="13.5" hidden="1" customHeight="1" x14ac:dyDescent="0.25">
      <c r="E514" s="37"/>
    </row>
    <row r="515" spans="5:5" ht="13.5" hidden="1" customHeight="1" x14ac:dyDescent="0.25">
      <c r="E515" s="37"/>
    </row>
    <row r="516" spans="5:5" ht="13.5" hidden="1" customHeight="1" x14ac:dyDescent="0.25">
      <c r="E516" s="37"/>
    </row>
    <row r="517" spans="5:5" ht="13.5" hidden="1" customHeight="1" x14ac:dyDescent="0.25">
      <c r="E517" s="37"/>
    </row>
    <row r="518" spans="5:5" ht="13.5" hidden="1" customHeight="1" x14ac:dyDescent="0.25">
      <c r="E518" s="37"/>
    </row>
    <row r="519" spans="5:5" ht="13.5" hidden="1" customHeight="1" x14ac:dyDescent="0.25">
      <c r="E519" s="37"/>
    </row>
    <row r="520" spans="5:5" ht="13.5" hidden="1" customHeight="1" x14ac:dyDescent="0.25">
      <c r="E520" s="37"/>
    </row>
    <row r="521" spans="5:5" ht="13.5" hidden="1" customHeight="1" x14ac:dyDescent="0.25">
      <c r="E521" s="37"/>
    </row>
    <row r="522" spans="5:5" ht="13.5" hidden="1" customHeight="1" x14ac:dyDescent="0.25">
      <c r="E522" s="37"/>
    </row>
    <row r="523" spans="5:5" ht="13.5" hidden="1" customHeight="1" x14ac:dyDescent="0.25">
      <c r="E523" s="37"/>
    </row>
    <row r="524" spans="5:5" ht="13.5" hidden="1" customHeight="1" x14ac:dyDescent="0.25">
      <c r="E524" s="37"/>
    </row>
    <row r="525" spans="5:5" ht="13.5" hidden="1" customHeight="1" x14ac:dyDescent="0.25">
      <c r="E525" s="37"/>
    </row>
    <row r="526" spans="5:5" ht="13.5" hidden="1" customHeight="1" x14ac:dyDescent="0.25">
      <c r="E526" s="37"/>
    </row>
    <row r="527" spans="5:5" ht="13.5" hidden="1" customHeight="1" x14ac:dyDescent="0.25">
      <c r="E527" s="37"/>
    </row>
    <row r="528" spans="5:5" ht="13.5" hidden="1" customHeight="1" x14ac:dyDescent="0.25">
      <c r="E528" s="37"/>
    </row>
    <row r="529" spans="5:5" ht="13.5" hidden="1" customHeight="1" x14ac:dyDescent="0.25">
      <c r="E529" s="37"/>
    </row>
    <row r="530" spans="5:5" ht="13.5" hidden="1" customHeight="1" x14ac:dyDescent="0.25">
      <c r="E530" s="37"/>
    </row>
    <row r="531" spans="5:5" ht="13.5" hidden="1" customHeight="1" x14ac:dyDescent="0.25">
      <c r="E531" s="37"/>
    </row>
    <row r="532" spans="5:5" ht="13.5" hidden="1" customHeight="1" x14ac:dyDescent="0.25">
      <c r="E532" s="37"/>
    </row>
    <row r="533" spans="5:5" ht="13.5" hidden="1" customHeight="1" x14ac:dyDescent="0.25">
      <c r="E533" s="37"/>
    </row>
    <row r="534" spans="5:5" ht="13.5" hidden="1" customHeight="1" x14ac:dyDescent="0.25">
      <c r="E534" s="37"/>
    </row>
    <row r="535" spans="5:5" ht="13.5" hidden="1" customHeight="1" x14ac:dyDescent="0.25">
      <c r="E535" s="37"/>
    </row>
    <row r="536" spans="5:5" ht="13.5" hidden="1" customHeight="1" x14ac:dyDescent="0.25">
      <c r="E536" s="37"/>
    </row>
    <row r="537" spans="5:5" ht="13.5" hidden="1" customHeight="1" x14ac:dyDescent="0.25">
      <c r="E537" s="37"/>
    </row>
    <row r="538" spans="5:5" ht="13.5" hidden="1" customHeight="1" x14ac:dyDescent="0.25">
      <c r="E538" s="37"/>
    </row>
    <row r="539" spans="5:5" ht="13.5" hidden="1" customHeight="1" x14ac:dyDescent="0.25">
      <c r="E539" s="37"/>
    </row>
    <row r="540" spans="5:5" ht="13.5" hidden="1" customHeight="1" x14ac:dyDescent="0.25">
      <c r="E540" s="37"/>
    </row>
    <row r="541" spans="5:5" ht="13.5" hidden="1" customHeight="1" x14ac:dyDescent="0.25">
      <c r="E541" s="37"/>
    </row>
    <row r="542" spans="5:5" ht="13.5" hidden="1" customHeight="1" x14ac:dyDescent="0.25">
      <c r="E542" s="37"/>
    </row>
    <row r="543" spans="5:5" ht="13.5" hidden="1" customHeight="1" x14ac:dyDescent="0.25">
      <c r="E543" s="37"/>
    </row>
    <row r="544" spans="5:5" ht="13.5" hidden="1" customHeight="1" x14ac:dyDescent="0.25">
      <c r="E544" s="37"/>
    </row>
    <row r="545" spans="5:5" ht="13.5" hidden="1" customHeight="1" x14ac:dyDescent="0.25">
      <c r="E545" s="37"/>
    </row>
    <row r="546" spans="5:5" ht="13.5" hidden="1" customHeight="1" x14ac:dyDescent="0.25">
      <c r="E546" s="37"/>
    </row>
    <row r="547" spans="5:5" ht="13.5" hidden="1" customHeight="1" x14ac:dyDescent="0.25">
      <c r="E547" s="37"/>
    </row>
    <row r="548" spans="5:5" ht="13.5" hidden="1" customHeight="1" x14ac:dyDescent="0.25">
      <c r="E548" s="37"/>
    </row>
    <row r="549" spans="5:5" ht="13.5" hidden="1" customHeight="1" x14ac:dyDescent="0.25">
      <c r="E549" s="37"/>
    </row>
    <row r="550" spans="5:5" ht="13.5" hidden="1" customHeight="1" x14ac:dyDescent="0.25">
      <c r="E550" s="37"/>
    </row>
    <row r="551" spans="5:5" ht="13.5" hidden="1" customHeight="1" x14ac:dyDescent="0.25">
      <c r="E551" s="37"/>
    </row>
    <row r="552" spans="5:5" ht="13.5" hidden="1" customHeight="1" x14ac:dyDescent="0.25">
      <c r="E552" s="37"/>
    </row>
    <row r="553" spans="5:5" ht="13.5" hidden="1" customHeight="1" x14ac:dyDescent="0.25">
      <c r="E553" s="37"/>
    </row>
    <row r="554" spans="5:5" ht="13.5" hidden="1" customHeight="1" x14ac:dyDescent="0.25">
      <c r="E554" s="37"/>
    </row>
    <row r="555" spans="5:5" ht="13.5" hidden="1" customHeight="1" x14ac:dyDescent="0.25">
      <c r="E555" s="37"/>
    </row>
    <row r="556" spans="5:5" ht="13.5" hidden="1" customHeight="1" x14ac:dyDescent="0.25">
      <c r="E556" s="37"/>
    </row>
    <row r="557" spans="5:5" ht="13.5" hidden="1" customHeight="1" x14ac:dyDescent="0.25">
      <c r="E557" s="37"/>
    </row>
    <row r="558" spans="5:5" ht="13.5" hidden="1" customHeight="1" x14ac:dyDescent="0.25">
      <c r="E558" s="37"/>
    </row>
    <row r="559" spans="5:5" ht="13.5" hidden="1" customHeight="1" x14ac:dyDescent="0.25">
      <c r="E559" s="37"/>
    </row>
    <row r="560" spans="5:5" ht="13.5" hidden="1" customHeight="1" x14ac:dyDescent="0.25">
      <c r="E560" s="37"/>
    </row>
    <row r="561" spans="5:5" ht="13.5" hidden="1" customHeight="1" x14ac:dyDescent="0.25">
      <c r="E561" s="37"/>
    </row>
    <row r="562" spans="5:5" ht="13.5" hidden="1" customHeight="1" x14ac:dyDescent="0.25">
      <c r="E562" s="37"/>
    </row>
    <row r="563" spans="5:5" ht="13.5" hidden="1" customHeight="1" x14ac:dyDescent="0.25">
      <c r="E563" s="37"/>
    </row>
    <row r="564" spans="5:5" ht="13.5" hidden="1" customHeight="1" x14ac:dyDescent="0.25">
      <c r="E564" s="37"/>
    </row>
    <row r="565" spans="5:5" ht="13.5" hidden="1" customHeight="1" x14ac:dyDescent="0.25">
      <c r="E565" s="37"/>
    </row>
    <row r="566" spans="5:5" ht="13.5" hidden="1" customHeight="1" x14ac:dyDescent="0.25">
      <c r="E566" s="37"/>
    </row>
    <row r="567" spans="5:5" ht="13.5" hidden="1" customHeight="1" x14ac:dyDescent="0.25">
      <c r="E567" s="37"/>
    </row>
    <row r="568" spans="5:5" ht="13.5" hidden="1" customHeight="1" x14ac:dyDescent="0.25">
      <c r="E568" s="37"/>
    </row>
    <row r="569" spans="5:5" ht="13.5" hidden="1" customHeight="1" x14ac:dyDescent="0.25">
      <c r="E569" s="37"/>
    </row>
    <row r="570" spans="5:5" ht="13.5" hidden="1" customHeight="1" x14ac:dyDescent="0.25">
      <c r="E570" s="37"/>
    </row>
    <row r="571" spans="5:5" ht="13.5" hidden="1" customHeight="1" x14ac:dyDescent="0.25">
      <c r="E571" s="37"/>
    </row>
    <row r="572" spans="5:5" ht="13.5" hidden="1" customHeight="1" x14ac:dyDescent="0.25">
      <c r="E572" s="37"/>
    </row>
    <row r="573" spans="5:5" ht="13.5" hidden="1" customHeight="1" x14ac:dyDescent="0.25">
      <c r="E573" s="37"/>
    </row>
    <row r="574" spans="5:5" ht="13.5" hidden="1" customHeight="1" x14ac:dyDescent="0.25">
      <c r="E574" s="37"/>
    </row>
    <row r="575" spans="5:5" ht="13.5" hidden="1" customHeight="1" x14ac:dyDescent="0.25">
      <c r="E575" s="37"/>
    </row>
    <row r="576" spans="5:5" ht="13.5" hidden="1" customHeight="1" x14ac:dyDescent="0.25">
      <c r="E576" s="37"/>
    </row>
    <row r="577" spans="5:5" ht="13.5" hidden="1" customHeight="1" x14ac:dyDescent="0.25">
      <c r="E577" s="37"/>
    </row>
    <row r="578" spans="5:5" ht="13.5" hidden="1" customHeight="1" x14ac:dyDescent="0.25">
      <c r="E578" s="37"/>
    </row>
    <row r="579" spans="5:5" ht="13.5" hidden="1" customHeight="1" x14ac:dyDescent="0.25">
      <c r="E579" s="37"/>
    </row>
    <row r="580" spans="5:5" ht="13.5" hidden="1" customHeight="1" x14ac:dyDescent="0.25">
      <c r="E580" s="37"/>
    </row>
    <row r="581" spans="5:5" ht="13.5" hidden="1" customHeight="1" x14ac:dyDescent="0.25">
      <c r="E581" s="37"/>
    </row>
    <row r="582" spans="5:5" ht="13.5" hidden="1" customHeight="1" x14ac:dyDescent="0.25">
      <c r="E582" s="37"/>
    </row>
    <row r="583" spans="5:5" ht="13.5" hidden="1" customHeight="1" x14ac:dyDescent="0.25">
      <c r="E583" s="37"/>
    </row>
    <row r="584" spans="5:5" ht="13.5" hidden="1" customHeight="1" x14ac:dyDescent="0.25">
      <c r="E584" s="37"/>
    </row>
    <row r="585" spans="5:5" ht="13.5" hidden="1" customHeight="1" x14ac:dyDescent="0.25">
      <c r="E585" s="37"/>
    </row>
    <row r="586" spans="5:5" ht="13.5" hidden="1" customHeight="1" x14ac:dyDescent="0.25">
      <c r="E586" s="37"/>
    </row>
    <row r="587" spans="5:5" ht="13.5" hidden="1" customHeight="1" x14ac:dyDescent="0.25">
      <c r="E587" s="37"/>
    </row>
    <row r="588" spans="5:5" ht="13.5" hidden="1" customHeight="1" x14ac:dyDescent="0.25">
      <c r="E588" s="37"/>
    </row>
    <row r="589" spans="5:5" ht="13.5" hidden="1" customHeight="1" x14ac:dyDescent="0.25">
      <c r="E589" s="37"/>
    </row>
    <row r="590" spans="5:5" ht="13.5" hidden="1" customHeight="1" x14ac:dyDescent="0.25">
      <c r="E590" s="37"/>
    </row>
    <row r="591" spans="5:5" ht="13.5" hidden="1" customHeight="1" x14ac:dyDescent="0.25">
      <c r="E591" s="37"/>
    </row>
    <row r="592" spans="5:5" ht="13.5" hidden="1" customHeight="1" x14ac:dyDescent="0.25">
      <c r="E592" s="37"/>
    </row>
    <row r="593" spans="5:5" ht="13.5" hidden="1" customHeight="1" x14ac:dyDescent="0.25">
      <c r="E593" s="37"/>
    </row>
    <row r="594" spans="5:5" ht="13.5" hidden="1" customHeight="1" x14ac:dyDescent="0.25">
      <c r="E594" s="37"/>
    </row>
    <row r="595" spans="5:5" ht="13.5" hidden="1" customHeight="1" x14ac:dyDescent="0.25">
      <c r="E595" s="37"/>
    </row>
    <row r="596" spans="5:5" ht="13.5" hidden="1" customHeight="1" x14ac:dyDescent="0.25">
      <c r="E596" s="37"/>
    </row>
    <row r="597" spans="5:5" ht="13.5" hidden="1" customHeight="1" x14ac:dyDescent="0.25">
      <c r="E597" s="37"/>
    </row>
    <row r="598" spans="5:5" ht="13.5" hidden="1" customHeight="1" x14ac:dyDescent="0.25">
      <c r="E598" s="37"/>
    </row>
    <row r="599" spans="5:5" ht="13.5" hidden="1" customHeight="1" x14ac:dyDescent="0.25">
      <c r="E599" s="37"/>
    </row>
    <row r="600" spans="5:5" ht="13.5" hidden="1" customHeight="1" x14ac:dyDescent="0.25">
      <c r="E600" s="37"/>
    </row>
    <row r="601" spans="5:5" ht="13.5" hidden="1" customHeight="1" x14ac:dyDescent="0.25">
      <c r="E601" s="37"/>
    </row>
    <row r="602" spans="5:5" ht="13.5" hidden="1" customHeight="1" x14ac:dyDescent="0.25">
      <c r="E602" s="37"/>
    </row>
    <row r="603" spans="5:5" ht="13.5" hidden="1" customHeight="1" x14ac:dyDescent="0.25">
      <c r="E603" s="37"/>
    </row>
    <row r="604" spans="5:5" ht="13.5" hidden="1" customHeight="1" x14ac:dyDescent="0.25">
      <c r="E604" s="37"/>
    </row>
    <row r="605" spans="5:5" ht="13.5" hidden="1" customHeight="1" x14ac:dyDescent="0.25">
      <c r="E605" s="37"/>
    </row>
    <row r="606" spans="5:5" ht="13.5" hidden="1" customHeight="1" x14ac:dyDescent="0.25">
      <c r="E606" s="37"/>
    </row>
    <row r="607" spans="5:5" ht="13.5" hidden="1" customHeight="1" x14ac:dyDescent="0.25">
      <c r="E607" s="37"/>
    </row>
    <row r="608" spans="5:5" ht="13.5" hidden="1" customHeight="1" x14ac:dyDescent="0.25">
      <c r="E608" s="37"/>
    </row>
    <row r="609" spans="5:5" ht="13.5" hidden="1" customHeight="1" x14ac:dyDescent="0.25">
      <c r="E609" s="37"/>
    </row>
    <row r="610" spans="5:5" ht="13.5" hidden="1" customHeight="1" x14ac:dyDescent="0.25">
      <c r="E610" s="37"/>
    </row>
    <row r="611" spans="5:5" ht="13.5" hidden="1" customHeight="1" x14ac:dyDescent="0.25">
      <c r="E611" s="37"/>
    </row>
    <row r="612" spans="5:5" ht="13.5" hidden="1" customHeight="1" x14ac:dyDescent="0.25">
      <c r="E612" s="37"/>
    </row>
    <row r="613" spans="5:5" ht="13.5" hidden="1" customHeight="1" x14ac:dyDescent="0.25">
      <c r="E613" s="37"/>
    </row>
    <row r="614" spans="5:5" ht="13.5" hidden="1" customHeight="1" x14ac:dyDescent="0.25">
      <c r="E614" s="37"/>
    </row>
    <row r="615" spans="5:5" ht="13.5" hidden="1" customHeight="1" x14ac:dyDescent="0.25">
      <c r="E615" s="37"/>
    </row>
    <row r="616" spans="5:5" ht="13.5" hidden="1" customHeight="1" x14ac:dyDescent="0.25">
      <c r="E616" s="37"/>
    </row>
    <row r="617" spans="5:5" ht="13.5" hidden="1" customHeight="1" x14ac:dyDescent="0.25">
      <c r="E617" s="37"/>
    </row>
    <row r="618" spans="5:5" ht="13.5" hidden="1" customHeight="1" x14ac:dyDescent="0.25">
      <c r="E618" s="37"/>
    </row>
    <row r="619" spans="5:5" ht="13.5" hidden="1" customHeight="1" x14ac:dyDescent="0.25">
      <c r="E619" s="37"/>
    </row>
    <row r="620" spans="5:5" ht="13.5" hidden="1" customHeight="1" x14ac:dyDescent="0.25">
      <c r="E620" s="37"/>
    </row>
    <row r="621" spans="5:5" ht="13.5" hidden="1" customHeight="1" x14ac:dyDescent="0.25">
      <c r="E621" s="37"/>
    </row>
    <row r="622" spans="5:5" ht="13.5" hidden="1" customHeight="1" x14ac:dyDescent="0.25">
      <c r="E622" s="37"/>
    </row>
    <row r="623" spans="5:5" ht="13.5" hidden="1" customHeight="1" x14ac:dyDescent="0.25">
      <c r="E623" s="37"/>
    </row>
    <row r="624" spans="5:5" ht="13.5" hidden="1" customHeight="1" x14ac:dyDescent="0.25">
      <c r="E624" s="37"/>
    </row>
    <row r="625" spans="5:5" ht="13.5" hidden="1" customHeight="1" x14ac:dyDescent="0.25">
      <c r="E625" s="37"/>
    </row>
    <row r="626" spans="5:5" ht="13.5" hidden="1" customHeight="1" x14ac:dyDescent="0.25">
      <c r="E626" s="37"/>
    </row>
    <row r="627" spans="5:5" ht="13.5" hidden="1" customHeight="1" x14ac:dyDescent="0.25">
      <c r="E627" s="37"/>
    </row>
    <row r="628" spans="5:5" ht="13.5" hidden="1" customHeight="1" x14ac:dyDescent="0.25">
      <c r="E628" s="37"/>
    </row>
    <row r="629" spans="5:5" ht="13.5" hidden="1" customHeight="1" x14ac:dyDescent="0.25">
      <c r="E629" s="37"/>
    </row>
    <row r="630" spans="5:5" ht="13.5" hidden="1" customHeight="1" x14ac:dyDescent="0.25">
      <c r="E630" s="37"/>
    </row>
    <row r="631" spans="5:5" ht="13.5" hidden="1" customHeight="1" x14ac:dyDescent="0.25">
      <c r="E631" s="37"/>
    </row>
    <row r="632" spans="5:5" ht="13.5" hidden="1" customHeight="1" x14ac:dyDescent="0.25">
      <c r="E632" s="37"/>
    </row>
    <row r="633" spans="5:5" ht="13.5" hidden="1" customHeight="1" x14ac:dyDescent="0.25">
      <c r="E633" s="37"/>
    </row>
    <row r="634" spans="5:5" ht="13.5" hidden="1" customHeight="1" x14ac:dyDescent="0.25">
      <c r="E634" s="37"/>
    </row>
    <row r="635" spans="5:5" ht="13.5" hidden="1" customHeight="1" x14ac:dyDescent="0.25">
      <c r="E635" s="37"/>
    </row>
    <row r="636" spans="5:5" ht="13.5" hidden="1" customHeight="1" x14ac:dyDescent="0.25">
      <c r="E636" s="37"/>
    </row>
    <row r="637" spans="5:5" ht="13.5" hidden="1" customHeight="1" x14ac:dyDescent="0.25">
      <c r="E637" s="37"/>
    </row>
    <row r="638" spans="5:5" ht="13.5" hidden="1" customHeight="1" x14ac:dyDescent="0.25">
      <c r="E638" s="37"/>
    </row>
    <row r="639" spans="5:5" ht="13.5" hidden="1" customHeight="1" x14ac:dyDescent="0.25">
      <c r="E639" s="37"/>
    </row>
    <row r="640" spans="5:5" ht="13.5" hidden="1" customHeight="1" x14ac:dyDescent="0.25">
      <c r="E640" s="37"/>
    </row>
    <row r="641" spans="5:5" ht="13.5" hidden="1" customHeight="1" x14ac:dyDescent="0.25">
      <c r="E641" s="37"/>
    </row>
    <row r="642" spans="5:5" ht="13.5" hidden="1" customHeight="1" x14ac:dyDescent="0.25">
      <c r="E642" s="37"/>
    </row>
    <row r="643" spans="5:5" ht="13.5" hidden="1" customHeight="1" x14ac:dyDescent="0.25">
      <c r="E643" s="37"/>
    </row>
    <row r="644" spans="5:5" ht="13.5" hidden="1" customHeight="1" x14ac:dyDescent="0.25">
      <c r="E644" s="37"/>
    </row>
    <row r="645" spans="5:5" ht="13.5" hidden="1" customHeight="1" x14ac:dyDescent="0.25">
      <c r="E645" s="37"/>
    </row>
    <row r="646" spans="5:5" ht="13.5" hidden="1" customHeight="1" x14ac:dyDescent="0.25">
      <c r="E646" s="37"/>
    </row>
    <row r="647" spans="5:5" ht="13.5" hidden="1" customHeight="1" x14ac:dyDescent="0.25">
      <c r="E647" s="37"/>
    </row>
    <row r="648" spans="5:5" ht="13.5" hidden="1" customHeight="1" x14ac:dyDescent="0.25">
      <c r="E648" s="37"/>
    </row>
    <row r="649" spans="5:5" ht="13.5" hidden="1" customHeight="1" x14ac:dyDescent="0.25">
      <c r="E649" s="37"/>
    </row>
    <row r="650" spans="5:5" ht="13.5" hidden="1" customHeight="1" x14ac:dyDescent="0.25">
      <c r="E650" s="37"/>
    </row>
    <row r="651" spans="5:5" ht="13.5" hidden="1" customHeight="1" x14ac:dyDescent="0.25">
      <c r="E651" s="37"/>
    </row>
    <row r="652" spans="5:5" ht="13.5" hidden="1" customHeight="1" x14ac:dyDescent="0.25">
      <c r="E652" s="37"/>
    </row>
    <row r="653" spans="5:5" ht="13.5" hidden="1" customHeight="1" x14ac:dyDescent="0.25">
      <c r="E653" s="37"/>
    </row>
    <row r="654" spans="5:5" ht="13.5" hidden="1" customHeight="1" x14ac:dyDescent="0.25">
      <c r="E654" s="37"/>
    </row>
    <row r="655" spans="5:5" ht="13.5" hidden="1" customHeight="1" x14ac:dyDescent="0.25">
      <c r="E655" s="37"/>
    </row>
    <row r="656" spans="5:5" ht="13.5" hidden="1" customHeight="1" x14ac:dyDescent="0.25">
      <c r="E656" s="37"/>
    </row>
    <row r="657" spans="5:5" ht="13.5" hidden="1" customHeight="1" x14ac:dyDescent="0.25">
      <c r="E657" s="37"/>
    </row>
    <row r="658" spans="5:5" ht="13.5" hidden="1" customHeight="1" x14ac:dyDescent="0.25">
      <c r="E658" s="37"/>
    </row>
    <row r="659" spans="5:5" ht="13.5" hidden="1" customHeight="1" x14ac:dyDescent="0.25">
      <c r="E659" s="37"/>
    </row>
    <row r="660" spans="5:5" ht="13.5" hidden="1" customHeight="1" x14ac:dyDescent="0.25">
      <c r="E660" s="37"/>
    </row>
    <row r="661" spans="5:5" ht="13.5" hidden="1" customHeight="1" x14ac:dyDescent="0.25">
      <c r="E661" s="37"/>
    </row>
    <row r="662" spans="5:5" ht="13.5" hidden="1" customHeight="1" x14ac:dyDescent="0.25">
      <c r="E662" s="37"/>
    </row>
    <row r="663" spans="5:5" ht="13.5" hidden="1" customHeight="1" x14ac:dyDescent="0.25">
      <c r="E663" s="37"/>
    </row>
    <row r="664" spans="5:5" ht="13.5" hidden="1" customHeight="1" x14ac:dyDescent="0.25">
      <c r="E664" s="37"/>
    </row>
    <row r="665" spans="5:5" ht="13.5" hidden="1" customHeight="1" x14ac:dyDescent="0.25">
      <c r="E665" s="37"/>
    </row>
    <row r="666" spans="5:5" ht="13.5" hidden="1" customHeight="1" x14ac:dyDescent="0.25">
      <c r="E666" s="37"/>
    </row>
    <row r="667" spans="5:5" ht="13.5" hidden="1" customHeight="1" x14ac:dyDescent="0.25">
      <c r="E667" s="37"/>
    </row>
    <row r="668" spans="5:5" ht="13.5" hidden="1" customHeight="1" x14ac:dyDescent="0.25">
      <c r="E668" s="37"/>
    </row>
    <row r="669" spans="5:5" ht="13.5" hidden="1" customHeight="1" x14ac:dyDescent="0.25">
      <c r="E669" s="37"/>
    </row>
    <row r="670" spans="5:5" ht="13.5" hidden="1" customHeight="1" x14ac:dyDescent="0.25">
      <c r="E670" s="37"/>
    </row>
    <row r="671" spans="5:5" ht="13.5" hidden="1" customHeight="1" x14ac:dyDescent="0.25">
      <c r="E671" s="37"/>
    </row>
    <row r="672" spans="5:5" ht="13.5" hidden="1" customHeight="1" x14ac:dyDescent="0.25">
      <c r="E672" s="37"/>
    </row>
    <row r="673" spans="5:5" ht="13.5" hidden="1" customHeight="1" x14ac:dyDescent="0.25">
      <c r="E673" s="37"/>
    </row>
    <row r="674" spans="5:5" ht="13.5" hidden="1" customHeight="1" x14ac:dyDescent="0.25">
      <c r="E674" s="37"/>
    </row>
    <row r="675" spans="5:5" ht="13.5" hidden="1" customHeight="1" x14ac:dyDescent="0.25">
      <c r="E675" s="37"/>
    </row>
    <row r="676" spans="5:5" ht="13.5" hidden="1" customHeight="1" x14ac:dyDescent="0.25">
      <c r="E676" s="37"/>
    </row>
    <row r="677" spans="5:5" ht="13.5" hidden="1" customHeight="1" x14ac:dyDescent="0.25">
      <c r="E677" s="37"/>
    </row>
    <row r="678" spans="5:5" ht="13.5" hidden="1" customHeight="1" x14ac:dyDescent="0.25">
      <c r="E678" s="37"/>
    </row>
    <row r="679" spans="5:5" ht="13.5" hidden="1" customHeight="1" x14ac:dyDescent="0.25">
      <c r="E679" s="37"/>
    </row>
    <row r="680" spans="5:5" ht="13.5" hidden="1" customHeight="1" x14ac:dyDescent="0.25">
      <c r="E680" s="37"/>
    </row>
    <row r="681" spans="5:5" ht="13.5" hidden="1" customHeight="1" x14ac:dyDescent="0.25">
      <c r="E681" s="37"/>
    </row>
    <row r="682" spans="5:5" ht="13.5" hidden="1" customHeight="1" x14ac:dyDescent="0.25">
      <c r="E682" s="37"/>
    </row>
    <row r="683" spans="5:5" ht="13.5" hidden="1" customHeight="1" x14ac:dyDescent="0.25">
      <c r="E683" s="37"/>
    </row>
    <row r="684" spans="5:5" ht="13.5" hidden="1" customHeight="1" x14ac:dyDescent="0.25">
      <c r="E684" s="37"/>
    </row>
    <row r="685" spans="5:5" ht="13.5" hidden="1" customHeight="1" x14ac:dyDescent="0.25">
      <c r="E685" s="37"/>
    </row>
    <row r="686" spans="5:5" ht="13.5" hidden="1" customHeight="1" x14ac:dyDescent="0.25">
      <c r="E686" s="37"/>
    </row>
    <row r="687" spans="5:5" ht="13.5" hidden="1" customHeight="1" x14ac:dyDescent="0.25">
      <c r="E687" s="37"/>
    </row>
    <row r="688" spans="5:5" ht="13.5" hidden="1" customHeight="1" x14ac:dyDescent="0.25">
      <c r="E688" s="37"/>
    </row>
    <row r="689" spans="5:5" ht="13.5" hidden="1" customHeight="1" x14ac:dyDescent="0.25">
      <c r="E689" s="37"/>
    </row>
    <row r="690" spans="5:5" ht="13.5" hidden="1" customHeight="1" x14ac:dyDescent="0.25">
      <c r="E690" s="37"/>
    </row>
    <row r="691" spans="5:5" ht="13.5" hidden="1" customHeight="1" x14ac:dyDescent="0.25">
      <c r="E691" s="37"/>
    </row>
    <row r="692" spans="5:5" ht="13.5" hidden="1" customHeight="1" x14ac:dyDescent="0.25">
      <c r="E692" s="37"/>
    </row>
    <row r="693" spans="5:5" ht="13.5" hidden="1" customHeight="1" x14ac:dyDescent="0.25">
      <c r="E693" s="37"/>
    </row>
    <row r="694" spans="5:5" ht="13.5" hidden="1" customHeight="1" x14ac:dyDescent="0.25">
      <c r="E694" s="37"/>
    </row>
    <row r="695" spans="5:5" ht="13.5" hidden="1" customHeight="1" x14ac:dyDescent="0.25">
      <c r="E695" s="37"/>
    </row>
    <row r="696" spans="5:5" ht="13.5" hidden="1" customHeight="1" x14ac:dyDescent="0.25">
      <c r="E696" s="37"/>
    </row>
    <row r="697" spans="5:5" ht="13.5" hidden="1" customHeight="1" x14ac:dyDescent="0.25">
      <c r="E697" s="37"/>
    </row>
    <row r="698" spans="5:5" ht="13.5" hidden="1" customHeight="1" x14ac:dyDescent="0.25">
      <c r="E698" s="37"/>
    </row>
    <row r="699" spans="5:5" ht="13.5" hidden="1" customHeight="1" x14ac:dyDescent="0.25">
      <c r="E699" s="37"/>
    </row>
    <row r="700" spans="5:5" ht="13.5" hidden="1" customHeight="1" x14ac:dyDescent="0.25">
      <c r="E700" s="37"/>
    </row>
    <row r="701" spans="5:5" ht="13.5" hidden="1" customHeight="1" x14ac:dyDescent="0.25">
      <c r="E701" s="37"/>
    </row>
    <row r="702" spans="5:5" ht="13.5" hidden="1" customHeight="1" x14ac:dyDescent="0.25">
      <c r="E702" s="37"/>
    </row>
    <row r="703" spans="5:5" ht="13.5" hidden="1" customHeight="1" x14ac:dyDescent="0.25">
      <c r="E703" s="37"/>
    </row>
    <row r="704" spans="5:5" ht="13.5" hidden="1" customHeight="1" x14ac:dyDescent="0.25">
      <c r="E704" s="37"/>
    </row>
    <row r="705" spans="5:5" ht="13.5" hidden="1" customHeight="1" x14ac:dyDescent="0.25">
      <c r="E705" s="37"/>
    </row>
    <row r="706" spans="5:5" ht="13.5" hidden="1" customHeight="1" x14ac:dyDescent="0.25">
      <c r="E706" s="37"/>
    </row>
    <row r="707" spans="5:5" ht="13.5" hidden="1" customHeight="1" x14ac:dyDescent="0.25">
      <c r="E707" s="37"/>
    </row>
    <row r="708" spans="5:5" ht="13.5" hidden="1" customHeight="1" x14ac:dyDescent="0.25">
      <c r="E708" s="37"/>
    </row>
    <row r="709" spans="5:5" ht="13.5" hidden="1" customHeight="1" x14ac:dyDescent="0.25">
      <c r="E709" s="37"/>
    </row>
    <row r="710" spans="5:5" ht="13.5" hidden="1" customHeight="1" x14ac:dyDescent="0.25">
      <c r="E710" s="37"/>
    </row>
    <row r="711" spans="5:5" ht="13.5" hidden="1" customHeight="1" x14ac:dyDescent="0.25">
      <c r="E711" s="37"/>
    </row>
    <row r="712" spans="5:5" ht="13.5" hidden="1" customHeight="1" x14ac:dyDescent="0.25">
      <c r="E712" s="37"/>
    </row>
    <row r="713" spans="5:5" ht="13.5" hidden="1" customHeight="1" x14ac:dyDescent="0.25">
      <c r="E713" s="37"/>
    </row>
    <row r="714" spans="5:5" ht="13.5" hidden="1" customHeight="1" x14ac:dyDescent="0.25">
      <c r="E714" s="37"/>
    </row>
    <row r="715" spans="5:5" ht="13.5" hidden="1" customHeight="1" x14ac:dyDescent="0.25">
      <c r="E715" s="37"/>
    </row>
    <row r="716" spans="5:5" ht="13.5" hidden="1" customHeight="1" x14ac:dyDescent="0.25">
      <c r="E716" s="37"/>
    </row>
    <row r="717" spans="5:5" ht="13.5" hidden="1" customHeight="1" x14ac:dyDescent="0.25">
      <c r="E717" s="37"/>
    </row>
    <row r="718" spans="5:5" ht="13.5" hidden="1" customHeight="1" x14ac:dyDescent="0.25">
      <c r="E718" s="37"/>
    </row>
    <row r="719" spans="5:5" ht="13.5" hidden="1" customHeight="1" x14ac:dyDescent="0.25">
      <c r="E719" s="37"/>
    </row>
    <row r="720" spans="5:5" ht="13.5" hidden="1" customHeight="1" x14ac:dyDescent="0.25">
      <c r="E720" s="37"/>
    </row>
    <row r="721" spans="5:5" ht="13.5" hidden="1" customHeight="1" x14ac:dyDescent="0.25">
      <c r="E721" s="37"/>
    </row>
    <row r="722" spans="5:5" ht="13.5" hidden="1" customHeight="1" x14ac:dyDescent="0.25">
      <c r="E722" s="37"/>
    </row>
    <row r="723" spans="5:5" ht="13.5" hidden="1" customHeight="1" x14ac:dyDescent="0.25">
      <c r="E723" s="37"/>
    </row>
    <row r="724" spans="5:5" ht="13.5" hidden="1" customHeight="1" x14ac:dyDescent="0.25">
      <c r="E724" s="37"/>
    </row>
    <row r="725" spans="5:5" ht="13.5" hidden="1" customHeight="1" x14ac:dyDescent="0.25">
      <c r="E725" s="37"/>
    </row>
    <row r="726" spans="5:5" ht="13.5" hidden="1" customHeight="1" x14ac:dyDescent="0.25">
      <c r="E726" s="37"/>
    </row>
    <row r="727" spans="5:5" ht="13.5" hidden="1" customHeight="1" x14ac:dyDescent="0.25">
      <c r="E727" s="37"/>
    </row>
    <row r="728" spans="5:5" ht="13.5" hidden="1" customHeight="1" x14ac:dyDescent="0.25">
      <c r="E728" s="37"/>
    </row>
    <row r="729" spans="5:5" ht="13.5" hidden="1" customHeight="1" x14ac:dyDescent="0.25">
      <c r="E729" s="37"/>
    </row>
    <row r="730" spans="5:5" ht="13.5" hidden="1" customHeight="1" x14ac:dyDescent="0.25">
      <c r="E730" s="37"/>
    </row>
    <row r="731" spans="5:5" ht="13.5" hidden="1" customHeight="1" x14ac:dyDescent="0.25">
      <c r="E731" s="37"/>
    </row>
    <row r="732" spans="5:5" ht="13.5" hidden="1" customHeight="1" x14ac:dyDescent="0.25">
      <c r="E732" s="37"/>
    </row>
    <row r="733" spans="5:5" ht="13.5" hidden="1" customHeight="1" x14ac:dyDescent="0.25">
      <c r="E733" s="37"/>
    </row>
    <row r="734" spans="5:5" ht="13.5" hidden="1" customHeight="1" x14ac:dyDescent="0.25">
      <c r="E734" s="37"/>
    </row>
    <row r="735" spans="5:5" ht="13.5" hidden="1" customHeight="1" x14ac:dyDescent="0.25">
      <c r="E735" s="37"/>
    </row>
    <row r="736" spans="5:5" ht="13.5" hidden="1" customHeight="1" x14ac:dyDescent="0.25">
      <c r="E736" s="37"/>
    </row>
    <row r="737" spans="5:5" ht="13.5" hidden="1" customHeight="1" x14ac:dyDescent="0.25">
      <c r="E737" s="37"/>
    </row>
    <row r="738" spans="5:5" ht="13.5" hidden="1" customHeight="1" x14ac:dyDescent="0.25">
      <c r="E738" s="37"/>
    </row>
    <row r="739" spans="5:5" ht="13.5" hidden="1" customHeight="1" x14ac:dyDescent="0.25">
      <c r="E739" s="37"/>
    </row>
    <row r="740" spans="5:5" ht="13.5" hidden="1" customHeight="1" x14ac:dyDescent="0.25">
      <c r="E740" s="37"/>
    </row>
    <row r="741" spans="5:5" ht="13.5" hidden="1" customHeight="1" x14ac:dyDescent="0.25">
      <c r="E741" s="37"/>
    </row>
    <row r="742" spans="5:5" ht="13.5" hidden="1" customHeight="1" x14ac:dyDescent="0.25">
      <c r="E742" s="37"/>
    </row>
    <row r="743" spans="5:5" ht="13.5" hidden="1" customHeight="1" x14ac:dyDescent="0.25">
      <c r="E743" s="37"/>
    </row>
    <row r="744" spans="5:5" ht="13.5" hidden="1" customHeight="1" x14ac:dyDescent="0.25">
      <c r="E744" s="37"/>
    </row>
    <row r="745" spans="5:5" ht="13.5" hidden="1" customHeight="1" x14ac:dyDescent="0.25">
      <c r="E745" s="37"/>
    </row>
    <row r="746" spans="5:5" ht="13.5" hidden="1" customHeight="1" x14ac:dyDescent="0.25">
      <c r="E746" s="37"/>
    </row>
    <row r="747" spans="5:5" ht="13.5" hidden="1" customHeight="1" x14ac:dyDescent="0.25">
      <c r="E747" s="37"/>
    </row>
    <row r="748" spans="5:5" ht="13.5" hidden="1" customHeight="1" x14ac:dyDescent="0.25">
      <c r="E748" s="37"/>
    </row>
    <row r="749" spans="5:5" ht="13.5" hidden="1" customHeight="1" x14ac:dyDescent="0.25">
      <c r="E749" s="37"/>
    </row>
    <row r="750" spans="5:5" ht="13.5" hidden="1" customHeight="1" x14ac:dyDescent="0.25">
      <c r="E750" s="37"/>
    </row>
    <row r="751" spans="5:5" ht="13.5" hidden="1" customHeight="1" x14ac:dyDescent="0.25">
      <c r="E751" s="37"/>
    </row>
    <row r="752" spans="5:5" ht="13.5" hidden="1" customHeight="1" x14ac:dyDescent="0.25">
      <c r="E752" s="37"/>
    </row>
    <row r="753" spans="5:5" ht="13.5" hidden="1" customHeight="1" x14ac:dyDescent="0.25">
      <c r="E753" s="37"/>
    </row>
    <row r="754" spans="5:5" ht="13.5" hidden="1" customHeight="1" x14ac:dyDescent="0.25">
      <c r="E754" s="37"/>
    </row>
    <row r="755" spans="5:5" ht="13.5" hidden="1" customHeight="1" x14ac:dyDescent="0.25">
      <c r="E755" s="37"/>
    </row>
    <row r="756" spans="5:5" ht="13.5" hidden="1" customHeight="1" x14ac:dyDescent="0.25">
      <c r="E756" s="37"/>
    </row>
    <row r="757" spans="5:5" ht="13.5" hidden="1" customHeight="1" x14ac:dyDescent="0.25">
      <c r="E757" s="37"/>
    </row>
    <row r="758" spans="5:5" ht="13.5" hidden="1" customHeight="1" x14ac:dyDescent="0.25">
      <c r="E758" s="37"/>
    </row>
    <row r="759" spans="5:5" ht="13.5" hidden="1" customHeight="1" x14ac:dyDescent="0.25">
      <c r="E759" s="37"/>
    </row>
    <row r="760" spans="5:5" ht="13.5" hidden="1" customHeight="1" x14ac:dyDescent="0.25">
      <c r="E760" s="37"/>
    </row>
    <row r="761" spans="5:5" ht="13.5" hidden="1" customHeight="1" x14ac:dyDescent="0.25">
      <c r="E761" s="37"/>
    </row>
    <row r="762" spans="5:5" ht="13.5" hidden="1" customHeight="1" x14ac:dyDescent="0.25">
      <c r="E762" s="37"/>
    </row>
    <row r="763" spans="5:5" ht="13.5" hidden="1" customHeight="1" x14ac:dyDescent="0.25">
      <c r="E763" s="37"/>
    </row>
    <row r="764" spans="5:5" ht="13.5" hidden="1" customHeight="1" x14ac:dyDescent="0.25">
      <c r="E764" s="37"/>
    </row>
    <row r="765" spans="5:5" ht="13.5" hidden="1" customHeight="1" x14ac:dyDescent="0.25">
      <c r="E765" s="37"/>
    </row>
    <row r="766" spans="5:5" ht="13.5" hidden="1" customHeight="1" x14ac:dyDescent="0.25">
      <c r="E766" s="37"/>
    </row>
    <row r="767" spans="5:5" ht="13.5" hidden="1" customHeight="1" x14ac:dyDescent="0.25">
      <c r="E767" s="37"/>
    </row>
    <row r="768" spans="5:5" ht="13.5" hidden="1" customHeight="1" x14ac:dyDescent="0.25">
      <c r="E768" s="37"/>
    </row>
    <row r="769" spans="5:5" ht="13.5" hidden="1" customHeight="1" x14ac:dyDescent="0.25">
      <c r="E769" s="37"/>
    </row>
    <row r="770" spans="5:5" ht="13.5" hidden="1" customHeight="1" x14ac:dyDescent="0.25">
      <c r="E770" s="37"/>
    </row>
    <row r="771" spans="5:5" ht="13.5" hidden="1" customHeight="1" x14ac:dyDescent="0.25">
      <c r="E771" s="37"/>
    </row>
    <row r="772" spans="5:5" ht="13.5" hidden="1" customHeight="1" x14ac:dyDescent="0.25">
      <c r="E772" s="37"/>
    </row>
    <row r="773" spans="5:5" ht="13.5" hidden="1" customHeight="1" x14ac:dyDescent="0.25">
      <c r="E773" s="37"/>
    </row>
    <row r="774" spans="5:5" ht="13.5" hidden="1" customHeight="1" x14ac:dyDescent="0.25">
      <c r="E774" s="37"/>
    </row>
    <row r="775" spans="5:5" ht="13.5" hidden="1" customHeight="1" x14ac:dyDescent="0.25">
      <c r="E775" s="37"/>
    </row>
    <row r="776" spans="5:5" ht="13.5" hidden="1" customHeight="1" x14ac:dyDescent="0.25">
      <c r="E776" s="37"/>
    </row>
    <row r="777" spans="5:5" ht="13.5" hidden="1" customHeight="1" x14ac:dyDescent="0.25">
      <c r="E777" s="37"/>
    </row>
    <row r="778" spans="5:5" ht="13.5" hidden="1" customHeight="1" x14ac:dyDescent="0.25">
      <c r="E778" s="37"/>
    </row>
    <row r="779" spans="5:5" ht="13.5" hidden="1" customHeight="1" x14ac:dyDescent="0.25">
      <c r="E779" s="37"/>
    </row>
    <row r="780" spans="5:5" ht="13.5" hidden="1" customHeight="1" x14ac:dyDescent="0.25">
      <c r="E780" s="37"/>
    </row>
    <row r="781" spans="5:5" ht="13.5" hidden="1" customHeight="1" x14ac:dyDescent="0.25">
      <c r="E781" s="37"/>
    </row>
    <row r="782" spans="5:5" ht="13.5" hidden="1" customHeight="1" x14ac:dyDescent="0.25">
      <c r="E782" s="37"/>
    </row>
    <row r="783" spans="5:5" ht="13.5" hidden="1" customHeight="1" x14ac:dyDescent="0.25">
      <c r="E783" s="37"/>
    </row>
    <row r="784" spans="5:5" ht="13.5" hidden="1" customHeight="1" x14ac:dyDescent="0.25">
      <c r="E784" s="37"/>
    </row>
    <row r="785" spans="5:5" ht="13.5" hidden="1" customHeight="1" x14ac:dyDescent="0.25">
      <c r="E785" s="37"/>
    </row>
    <row r="786" spans="5:5" ht="13.5" hidden="1" customHeight="1" x14ac:dyDescent="0.25">
      <c r="E786" s="37"/>
    </row>
    <row r="787" spans="5:5" ht="13.5" hidden="1" customHeight="1" x14ac:dyDescent="0.25">
      <c r="E787" s="37"/>
    </row>
    <row r="788" spans="5:5" ht="13.5" hidden="1" customHeight="1" x14ac:dyDescent="0.25">
      <c r="E788" s="37"/>
    </row>
    <row r="789" spans="5:5" ht="13.5" hidden="1" customHeight="1" x14ac:dyDescent="0.25">
      <c r="E789" s="37"/>
    </row>
    <row r="790" spans="5:5" ht="13.5" hidden="1" customHeight="1" x14ac:dyDescent="0.25">
      <c r="E790" s="37"/>
    </row>
    <row r="791" spans="5:5" ht="13.5" hidden="1" customHeight="1" x14ac:dyDescent="0.25">
      <c r="E791" s="37"/>
    </row>
    <row r="792" spans="5:5" ht="13.5" hidden="1" customHeight="1" x14ac:dyDescent="0.25">
      <c r="E792" s="37"/>
    </row>
    <row r="793" spans="5:5" ht="13.5" hidden="1" customHeight="1" x14ac:dyDescent="0.25">
      <c r="E793" s="37"/>
    </row>
    <row r="794" spans="5:5" ht="13.5" hidden="1" customHeight="1" x14ac:dyDescent="0.25">
      <c r="E794" s="37"/>
    </row>
    <row r="795" spans="5:5" ht="13.5" hidden="1" customHeight="1" x14ac:dyDescent="0.25">
      <c r="E795" s="37"/>
    </row>
    <row r="796" spans="5:5" ht="13.5" hidden="1" customHeight="1" x14ac:dyDescent="0.25">
      <c r="E796" s="37"/>
    </row>
    <row r="797" spans="5:5" ht="13.5" hidden="1" customHeight="1" x14ac:dyDescent="0.25">
      <c r="E797" s="37"/>
    </row>
    <row r="798" spans="5:5" ht="13.5" hidden="1" customHeight="1" x14ac:dyDescent="0.25">
      <c r="E798" s="37"/>
    </row>
    <row r="799" spans="5:5" ht="13.5" hidden="1" customHeight="1" x14ac:dyDescent="0.25">
      <c r="E799" s="37"/>
    </row>
    <row r="800" spans="5:5" ht="13.5" hidden="1" customHeight="1" x14ac:dyDescent="0.25">
      <c r="E800" s="37"/>
    </row>
    <row r="801" spans="5:5" ht="13.5" hidden="1" customHeight="1" x14ac:dyDescent="0.25">
      <c r="E801" s="37"/>
    </row>
    <row r="802" spans="5:5" ht="13.5" hidden="1" customHeight="1" x14ac:dyDescent="0.25">
      <c r="E802" s="37"/>
    </row>
    <row r="803" spans="5:5" ht="13.5" hidden="1" customHeight="1" x14ac:dyDescent="0.25">
      <c r="E803" s="37"/>
    </row>
    <row r="804" spans="5:5" ht="13.5" hidden="1" customHeight="1" x14ac:dyDescent="0.25">
      <c r="E804" s="37"/>
    </row>
    <row r="805" spans="5:5" ht="13.5" hidden="1" customHeight="1" x14ac:dyDescent="0.25">
      <c r="E805" s="37"/>
    </row>
    <row r="806" spans="5:5" ht="13.5" hidden="1" customHeight="1" x14ac:dyDescent="0.25">
      <c r="E806" s="37"/>
    </row>
    <row r="807" spans="5:5" ht="13.5" hidden="1" customHeight="1" x14ac:dyDescent="0.25">
      <c r="E807" s="37"/>
    </row>
    <row r="808" spans="5:5" ht="13.5" hidden="1" customHeight="1" x14ac:dyDescent="0.25">
      <c r="E808" s="37"/>
    </row>
    <row r="809" spans="5:5" ht="13.5" hidden="1" customHeight="1" x14ac:dyDescent="0.25">
      <c r="E809" s="37"/>
    </row>
    <row r="810" spans="5:5" ht="13.5" hidden="1" customHeight="1" x14ac:dyDescent="0.25">
      <c r="E810" s="37"/>
    </row>
    <row r="811" spans="5:5" ht="13.5" hidden="1" customHeight="1" x14ac:dyDescent="0.25">
      <c r="E811" s="37"/>
    </row>
    <row r="812" spans="5:5" ht="13.5" hidden="1" customHeight="1" x14ac:dyDescent="0.25">
      <c r="E812" s="37"/>
    </row>
    <row r="813" spans="5:5" ht="13.5" hidden="1" customHeight="1" x14ac:dyDescent="0.25">
      <c r="E813" s="37"/>
    </row>
    <row r="814" spans="5:5" ht="13.5" hidden="1" customHeight="1" x14ac:dyDescent="0.25">
      <c r="E814" s="37"/>
    </row>
    <row r="815" spans="5:5" ht="13.5" hidden="1" customHeight="1" x14ac:dyDescent="0.25">
      <c r="E815" s="37"/>
    </row>
    <row r="816" spans="5:5" ht="13.5" hidden="1" customHeight="1" x14ac:dyDescent="0.25">
      <c r="E816" s="37"/>
    </row>
    <row r="817" spans="5:5" ht="13.5" hidden="1" customHeight="1" x14ac:dyDescent="0.25">
      <c r="E817" s="37"/>
    </row>
    <row r="818" spans="5:5" ht="13.5" hidden="1" customHeight="1" x14ac:dyDescent="0.25">
      <c r="E818" s="37"/>
    </row>
    <row r="819" spans="5:5" ht="13.5" hidden="1" customHeight="1" x14ac:dyDescent="0.25">
      <c r="E819" s="37"/>
    </row>
    <row r="820" spans="5:5" ht="13.5" hidden="1" customHeight="1" x14ac:dyDescent="0.25">
      <c r="E820" s="37"/>
    </row>
    <row r="821" spans="5:5" ht="13.5" hidden="1" customHeight="1" x14ac:dyDescent="0.25">
      <c r="E821" s="37"/>
    </row>
    <row r="822" spans="5:5" ht="13.5" hidden="1" customHeight="1" x14ac:dyDescent="0.25">
      <c r="E822" s="37"/>
    </row>
    <row r="823" spans="5:5" ht="13.5" hidden="1" customHeight="1" x14ac:dyDescent="0.25">
      <c r="E823" s="37"/>
    </row>
    <row r="824" spans="5:5" ht="13.5" hidden="1" customHeight="1" x14ac:dyDescent="0.25">
      <c r="E824" s="37"/>
    </row>
    <row r="825" spans="5:5" ht="13.5" hidden="1" customHeight="1" x14ac:dyDescent="0.25">
      <c r="E825" s="37"/>
    </row>
    <row r="826" spans="5:5" ht="13.5" hidden="1" customHeight="1" x14ac:dyDescent="0.25">
      <c r="E826" s="37"/>
    </row>
    <row r="827" spans="5:5" ht="13.5" hidden="1" customHeight="1" x14ac:dyDescent="0.25">
      <c r="E827" s="37"/>
    </row>
    <row r="828" spans="5:5" ht="13.5" hidden="1" customHeight="1" x14ac:dyDescent="0.25">
      <c r="E828" s="37"/>
    </row>
    <row r="829" spans="5:5" ht="13.5" hidden="1" customHeight="1" x14ac:dyDescent="0.25">
      <c r="E829" s="37"/>
    </row>
    <row r="830" spans="5:5" ht="13.5" hidden="1" customHeight="1" x14ac:dyDescent="0.25">
      <c r="E830" s="37"/>
    </row>
    <row r="831" spans="5:5" ht="13.5" hidden="1" customHeight="1" x14ac:dyDescent="0.25">
      <c r="E831" s="37"/>
    </row>
    <row r="832" spans="5:5" ht="13.5" hidden="1" customHeight="1" x14ac:dyDescent="0.25">
      <c r="E832" s="37"/>
    </row>
    <row r="833" spans="5:5" ht="13.5" hidden="1" customHeight="1" x14ac:dyDescent="0.25">
      <c r="E833" s="37"/>
    </row>
    <row r="834" spans="5:5" ht="13.5" hidden="1" customHeight="1" x14ac:dyDescent="0.25">
      <c r="E834" s="37"/>
    </row>
    <row r="835" spans="5:5" ht="13.5" hidden="1" customHeight="1" x14ac:dyDescent="0.25">
      <c r="E835" s="37"/>
    </row>
    <row r="836" spans="5:5" ht="13.5" hidden="1" customHeight="1" x14ac:dyDescent="0.25">
      <c r="E836" s="37"/>
    </row>
    <row r="837" spans="5:5" ht="13.5" hidden="1" customHeight="1" x14ac:dyDescent="0.25">
      <c r="E837" s="37"/>
    </row>
    <row r="838" spans="5:5" ht="13.5" hidden="1" customHeight="1" x14ac:dyDescent="0.25">
      <c r="E838" s="37"/>
    </row>
    <row r="839" spans="5:5" ht="13.5" hidden="1" customHeight="1" x14ac:dyDescent="0.25">
      <c r="E839" s="37"/>
    </row>
    <row r="840" spans="5:5" ht="13.5" hidden="1" customHeight="1" x14ac:dyDescent="0.25">
      <c r="E840" s="37"/>
    </row>
    <row r="841" spans="5:5" ht="13.5" hidden="1" customHeight="1" x14ac:dyDescent="0.25">
      <c r="E841" s="37"/>
    </row>
    <row r="842" spans="5:5" ht="13.5" hidden="1" customHeight="1" x14ac:dyDescent="0.25">
      <c r="E842" s="37"/>
    </row>
    <row r="843" spans="5:5" ht="13.5" hidden="1" customHeight="1" x14ac:dyDescent="0.25">
      <c r="E843" s="37"/>
    </row>
    <row r="844" spans="5:5" ht="13.5" hidden="1" customHeight="1" x14ac:dyDescent="0.25">
      <c r="E844" s="37"/>
    </row>
    <row r="845" spans="5:5" ht="13.5" hidden="1" customHeight="1" x14ac:dyDescent="0.25">
      <c r="E845" s="37"/>
    </row>
    <row r="846" spans="5:5" ht="13.5" hidden="1" customHeight="1" x14ac:dyDescent="0.25">
      <c r="E846" s="37"/>
    </row>
    <row r="847" spans="5:5" ht="13.5" hidden="1" customHeight="1" x14ac:dyDescent="0.25">
      <c r="E847" s="37"/>
    </row>
    <row r="848" spans="5:5" ht="13.5" hidden="1" customHeight="1" x14ac:dyDescent="0.25">
      <c r="E848" s="37"/>
    </row>
    <row r="849" spans="5:5" ht="13.5" hidden="1" customHeight="1" x14ac:dyDescent="0.25">
      <c r="E849" s="37"/>
    </row>
    <row r="850" spans="5:5" ht="13.5" hidden="1" customHeight="1" x14ac:dyDescent="0.25">
      <c r="E850" s="37"/>
    </row>
    <row r="851" spans="5:5" ht="13.5" hidden="1" customHeight="1" x14ac:dyDescent="0.25">
      <c r="E851" s="37"/>
    </row>
    <row r="852" spans="5:5" ht="13.5" hidden="1" customHeight="1" x14ac:dyDescent="0.25">
      <c r="E852" s="37"/>
    </row>
    <row r="853" spans="5:5" ht="13.5" hidden="1" customHeight="1" x14ac:dyDescent="0.25">
      <c r="E853" s="37"/>
    </row>
    <row r="854" spans="5:5" ht="13.5" hidden="1" customHeight="1" x14ac:dyDescent="0.25">
      <c r="E854" s="37"/>
    </row>
    <row r="855" spans="5:5" ht="13.5" hidden="1" customHeight="1" x14ac:dyDescent="0.25">
      <c r="E855" s="37"/>
    </row>
    <row r="856" spans="5:5" ht="13.5" hidden="1" customHeight="1" x14ac:dyDescent="0.25">
      <c r="E856" s="37"/>
    </row>
    <row r="857" spans="5:5" ht="13.5" hidden="1" customHeight="1" x14ac:dyDescent="0.25">
      <c r="E857" s="37"/>
    </row>
    <row r="858" spans="5:5" ht="13.5" hidden="1" customHeight="1" x14ac:dyDescent="0.25">
      <c r="E858" s="37"/>
    </row>
    <row r="859" spans="5:5" ht="13.5" hidden="1" customHeight="1" x14ac:dyDescent="0.25">
      <c r="E859" s="37"/>
    </row>
    <row r="860" spans="5:5" ht="13.5" hidden="1" customHeight="1" x14ac:dyDescent="0.25">
      <c r="E860" s="37"/>
    </row>
    <row r="861" spans="5:5" ht="13.5" hidden="1" customHeight="1" x14ac:dyDescent="0.25">
      <c r="E861" s="37"/>
    </row>
    <row r="862" spans="5:5" ht="13.5" hidden="1" customHeight="1" x14ac:dyDescent="0.25">
      <c r="E862" s="37"/>
    </row>
    <row r="863" spans="5:5" ht="13.5" hidden="1" customHeight="1" x14ac:dyDescent="0.25">
      <c r="E863" s="37"/>
    </row>
    <row r="864" spans="5:5" ht="13.5" hidden="1" customHeight="1" x14ac:dyDescent="0.25">
      <c r="E864" s="37"/>
    </row>
    <row r="865" spans="5:5" ht="13.5" hidden="1" customHeight="1" x14ac:dyDescent="0.25">
      <c r="E865" s="37"/>
    </row>
    <row r="866" spans="5:5" ht="13.5" hidden="1" customHeight="1" x14ac:dyDescent="0.25">
      <c r="E866" s="37"/>
    </row>
    <row r="867" spans="5:5" ht="13.5" hidden="1" customHeight="1" x14ac:dyDescent="0.25">
      <c r="E867" s="37"/>
    </row>
    <row r="868" spans="5:5" ht="13.5" hidden="1" customHeight="1" x14ac:dyDescent="0.25">
      <c r="E868" s="37"/>
    </row>
    <row r="869" spans="5:5" ht="13.5" hidden="1" customHeight="1" x14ac:dyDescent="0.25">
      <c r="E869" s="37"/>
    </row>
    <row r="870" spans="5:5" ht="13.5" hidden="1" customHeight="1" x14ac:dyDescent="0.25">
      <c r="E870" s="37"/>
    </row>
    <row r="871" spans="5:5" ht="13.5" hidden="1" customHeight="1" x14ac:dyDescent="0.25">
      <c r="E871" s="37"/>
    </row>
    <row r="872" spans="5:5" ht="13.5" hidden="1" customHeight="1" x14ac:dyDescent="0.25">
      <c r="E872" s="37"/>
    </row>
    <row r="873" spans="5:5" ht="13.5" hidden="1" customHeight="1" x14ac:dyDescent="0.25">
      <c r="E873" s="37"/>
    </row>
    <row r="874" spans="5:5" ht="13.5" hidden="1" customHeight="1" x14ac:dyDescent="0.25">
      <c r="E874" s="37"/>
    </row>
    <row r="875" spans="5:5" ht="13.5" hidden="1" customHeight="1" x14ac:dyDescent="0.25">
      <c r="E875" s="37"/>
    </row>
    <row r="876" spans="5:5" ht="13.5" hidden="1" customHeight="1" x14ac:dyDescent="0.25">
      <c r="E876" s="37"/>
    </row>
    <row r="877" spans="5:5" ht="13.5" hidden="1" customHeight="1" x14ac:dyDescent="0.25">
      <c r="E877" s="37"/>
    </row>
    <row r="878" spans="5:5" ht="13.5" hidden="1" customHeight="1" x14ac:dyDescent="0.25">
      <c r="E878" s="37"/>
    </row>
    <row r="879" spans="5:5" ht="13.5" hidden="1" customHeight="1" x14ac:dyDescent="0.25">
      <c r="E879" s="37"/>
    </row>
    <row r="880" spans="5:5" ht="13.5" hidden="1" customHeight="1" x14ac:dyDescent="0.25">
      <c r="E880" s="37"/>
    </row>
    <row r="881" spans="5:5" ht="13.5" hidden="1" customHeight="1" x14ac:dyDescent="0.25">
      <c r="E881" s="37"/>
    </row>
    <row r="882" spans="5:5" ht="13.5" hidden="1" customHeight="1" x14ac:dyDescent="0.25">
      <c r="E882" s="37"/>
    </row>
    <row r="883" spans="5:5" ht="13.5" hidden="1" customHeight="1" x14ac:dyDescent="0.25">
      <c r="E883" s="37"/>
    </row>
    <row r="884" spans="5:5" ht="13.5" hidden="1" customHeight="1" x14ac:dyDescent="0.25">
      <c r="E884" s="37"/>
    </row>
    <row r="885" spans="5:5" ht="13.5" hidden="1" customHeight="1" x14ac:dyDescent="0.25">
      <c r="E885" s="37"/>
    </row>
    <row r="886" spans="5:5" ht="13.5" hidden="1" customHeight="1" x14ac:dyDescent="0.25">
      <c r="E886" s="37"/>
    </row>
    <row r="887" spans="5:5" ht="13.5" hidden="1" customHeight="1" x14ac:dyDescent="0.25">
      <c r="E887" s="37"/>
    </row>
    <row r="888" spans="5:5" ht="13.5" hidden="1" customHeight="1" x14ac:dyDescent="0.25">
      <c r="E888" s="37"/>
    </row>
    <row r="889" spans="5:5" ht="13.5" hidden="1" customHeight="1" x14ac:dyDescent="0.25">
      <c r="E889" s="37"/>
    </row>
    <row r="890" spans="5:5" ht="13.5" hidden="1" customHeight="1" x14ac:dyDescent="0.25">
      <c r="E890" s="37"/>
    </row>
    <row r="891" spans="5:5" ht="13.5" hidden="1" customHeight="1" x14ac:dyDescent="0.25">
      <c r="E891" s="37"/>
    </row>
    <row r="892" spans="5:5" ht="13.5" hidden="1" customHeight="1" x14ac:dyDescent="0.25">
      <c r="E892" s="37"/>
    </row>
    <row r="893" spans="5:5" ht="13.5" hidden="1" customHeight="1" x14ac:dyDescent="0.25">
      <c r="E893" s="37"/>
    </row>
    <row r="894" spans="5:5" ht="13.5" hidden="1" customHeight="1" x14ac:dyDescent="0.25">
      <c r="E894" s="37"/>
    </row>
    <row r="895" spans="5:5" ht="13.5" hidden="1" customHeight="1" x14ac:dyDescent="0.25">
      <c r="E895" s="37"/>
    </row>
    <row r="896" spans="5:5" ht="13.5" hidden="1" customHeight="1" x14ac:dyDescent="0.25">
      <c r="E896" s="37"/>
    </row>
    <row r="897" spans="5:5" ht="13.5" hidden="1" customHeight="1" x14ac:dyDescent="0.25">
      <c r="E897" s="37"/>
    </row>
    <row r="898" spans="5:5" ht="13.5" hidden="1" customHeight="1" x14ac:dyDescent="0.25">
      <c r="E898" s="37"/>
    </row>
    <row r="899" spans="5:5" ht="13.5" hidden="1" customHeight="1" x14ac:dyDescent="0.25">
      <c r="E899" s="37"/>
    </row>
    <row r="900" spans="5:5" ht="13.5" hidden="1" customHeight="1" x14ac:dyDescent="0.25">
      <c r="E900" s="37"/>
    </row>
    <row r="901" spans="5:5" ht="13.5" hidden="1" customHeight="1" x14ac:dyDescent="0.25">
      <c r="E901" s="37"/>
    </row>
    <row r="902" spans="5:5" ht="13.5" hidden="1" customHeight="1" x14ac:dyDescent="0.25">
      <c r="E902" s="37"/>
    </row>
    <row r="903" spans="5:5" ht="13.5" hidden="1" customHeight="1" x14ac:dyDescent="0.25">
      <c r="E903" s="37"/>
    </row>
    <row r="904" spans="5:5" ht="13.5" hidden="1" customHeight="1" x14ac:dyDescent="0.25">
      <c r="E904" s="37"/>
    </row>
    <row r="905" spans="5:5" ht="13.5" hidden="1" customHeight="1" x14ac:dyDescent="0.25">
      <c r="E905" s="37"/>
    </row>
    <row r="906" spans="5:5" ht="13.5" hidden="1" customHeight="1" x14ac:dyDescent="0.25">
      <c r="E906" s="37"/>
    </row>
    <row r="907" spans="5:5" ht="13.5" hidden="1" customHeight="1" x14ac:dyDescent="0.25">
      <c r="E907" s="37"/>
    </row>
    <row r="908" spans="5:5" ht="13.5" hidden="1" customHeight="1" x14ac:dyDescent="0.25">
      <c r="E908" s="37"/>
    </row>
    <row r="909" spans="5:5" ht="13.5" hidden="1" customHeight="1" x14ac:dyDescent="0.25">
      <c r="E909" s="37"/>
    </row>
    <row r="910" spans="5:5" ht="13.5" hidden="1" customHeight="1" x14ac:dyDescent="0.25">
      <c r="E910" s="37"/>
    </row>
    <row r="911" spans="5:5" ht="13.5" hidden="1" customHeight="1" x14ac:dyDescent="0.25">
      <c r="E911" s="37"/>
    </row>
    <row r="912" spans="5:5" ht="13.5" hidden="1" customHeight="1" x14ac:dyDescent="0.25">
      <c r="E912" s="37"/>
    </row>
    <row r="913" spans="5:5" ht="13.5" hidden="1" customHeight="1" x14ac:dyDescent="0.25">
      <c r="E913" s="37"/>
    </row>
    <row r="914" spans="5:5" ht="13.5" hidden="1" customHeight="1" x14ac:dyDescent="0.25">
      <c r="E914" s="37"/>
    </row>
    <row r="915" spans="5:5" ht="13.5" hidden="1" customHeight="1" x14ac:dyDescent="0.25">
      <c r="E915" s="37"/>
    </row>
    <row r="916" spans="5:5" ht="13.5" hidden="1" customHeight="1" x14ac:dyDescent="0.25">
      <c r="E916" s="37"/>
    </row>
    <row r="917" spans="5:5" ht="13.5" hidden="1" customHeight="1" x14ac:dyDescent="0.25">
      <c r="E917" s="37"/>
    </row>
    <row r="918" spans="5:5" ht="13.5" hidden="1" customHeight="1" x14ac:dyDescent="0.25">
      <c r="E918" s="37"/>
    </row>
    <row r="919" spans="5:5" ht="13.5" hidden="1" customHeight="1" x14ac:dyDescent="0.25">
      <c r="E919" s="37"/>
    </row>
    <row r="920" spans="5:5" ht="13.5" hidden="1" customHeight="1" x14ac:dyDescent="0.25">
      <c r="E920" s="37"/>
    </row>
    <row r="921" spans="5:5" ht="13.5" hidden="1" customHeight="1" x14ac:dyDescent="0.25">
      <c r="E921" s="37"/>
    </row>
    <row r="922" spans="5:5" ht="13.5" hidden="1" customHeight="1" x14ac:dyDescent="0.25">
      <c r="E922" s="37"/>
    </row>
    <row r="923" spans="5:5" ht="13.5" hidden="1" customHeight="1" x14ac:dyDescent="0.25">
      <c r="E923" s="37"/>
    </row>
    <row r="924" spans="5:5" ht="13.5" hidden="1" customHeight="1" x14ac:dyDescent="0.25">
      <c r="E924" s="37"/>
    </row>
    <row r="925" spans="5:5" ht="13.5" hidden="1" customHeight="1" x14ac:dyDescent="0.25">
      <c r="E925" s="37"/>
    </row>
    <row r="926" spans="5:5" ht="13.5" hidden="1" customHeight="1" x14ac:dyDescent="0.25">
      <c r="E926" s="37"/>
    </row>
    <row r="927" spans="5:5" ht="13.5" hidden="1" customHeight="1" x14ac:dyDescent="0.25">
      <c r="E927" s="37"/>
    </row>
    <row r="928" spans="5:5" ht="13.5" hidden="1" customHeight="1" x14ac:dyDescent="0.25">
      <c r="E928" s="37"/>
    </row>
    <row r="929" spans="5:5" ht="13.5" hidden="1" customHeight="1" x14ac:dyDescent="0.25">
      <c r="E929" s="37"/>
    </row>
    <row r="930" spans="5:5" ht="13.5" hidden="1" customHeight="1" x14ac:dyDescent="0.25">
      <c r="E930" s="37"/>
    </row>
    <row r="931" spans="5:5" ht="13.5" hidden="1" customHeight="1" x14ac:dyDescent="0.25">
      <c r="E931" s="37"/>
    </row>
    <row r="932" spans="5:5" ht="13.5" hidden="1" customHeight="1" x14ac:dyDescent="0.25">
      <c r="E932" s="37"/>
    </row>
    <row r="933" spans="5:5" ht="13.5" hidden="1" customHeight="1" x14ac:dyDescent="0.25">
      <c r="E933" s="37"/>
    </row>
    <row r="934" spans="5:5" ht="13.5" hidden="1" customHeight="1" x14ac:dyDescent="0.25">
      <c r="E934" s="37"/>
    </row>
    <row r="935" spans="5:5" ht="13.5" hidden="1" customHeight="1" x14ac:dyDescent="0.25">
      <c r="E935" s="37"/>
    </row>
    <row r="936" spans="5:5" ht="13.5" hidden="1" customHeight="1" x14ac:dyDescent="0.25">
      <c r="E936" s="37"/>
    </row>
    <row r="937" spans="5:5" ht="13.5" hidden="1" customHeight="1" x14ac:dyDescent="0.25">
      <c r="E937" s="37"/>
    </row>
    <row r="938" spans="5:5" ht="13.5" hidden="1" customHeight="1" x14ac:dyDescent="0.25">
      <c r="E938" s="37"/>
    </row>
    <row r="939" spans="5:5" ht="13.5" hidden="1" customHeight="1" x14ac:dyDescent="0.25">
      <c r="E939" s="37"/>
    </row>
    <row r="940" spans="5:5" ht="13.5" hidden="1" customHeight="1" x14ac:dyDescent="0.25">
      <c r="E940" s="37"/>
    </row>
    <row r="941" spans="5:5" ht="13.5" hidden="1" customHeight="1" x14ac:dyDescent="0.25">
      <c r="E941" s="37"/>
    </row>
    <row r="942" spans="5:5" ht="13.5" hidden="1" customHeight="1" x14ac:dyDescent="0.25">
      <c r="E942" s="37"/>
    </row>
    <row r="943" spans="5:5" ht="13.5" hidden="1" customHeight="1" x14ac:dyDescent="0.25">
      <c r="E943" s="37"/>
    </row>
    <row r="944" spans="5:5" ht="13.5" hidden="1" customHeight="1" x14ac:dyDescent="0.25">
      <c r="E944" s="37"/>
    </row>
    <row r="945" spans="5:5" ht="13.5" hidden="1" customHeight="1" x14ac:dyDescent="0.25">
      <c r="E945" s="37"/>
    </row>
    <row r="946" spans="5:5" ht="13.5" hidden="1" customHeight="1" x14ac:dyDescent="0.25">
      <c r="E946" s="37"/>
    </row>
    <row r="947" spans="5:5" ht="13.5" hidden="1" customHeight="1" x14ac:dyDescent="0.25">
      <c r="E947" s="37"/>
    </row>
    <row r="948" spans="5:5" ht="13.5" hidden="1" customHeight="1" x14ac:dyDescent="0.25">
      <c r="E948" s="37"/>
    </row>
    <row r="949" spans="5:5" ht="13.5" hidden="1" customHeight="1" x14ac:dyDescent="0.25">
      <c r="E949" s="37"/>
    </row>
    <row r="950" spans="5:5" ht="13.5" hidden="1" customHeight="1" x14ac:dyDescent="0.25">
      <c r="E950" s="37"/>
    </row>
    <row r="951" spans="5:5" ht="13.5" hidden="1" customHeight="1" x14ac:dyDescent="0.25">
      <c r="E951" s="37"/>
    </row>
    <row r="952" spans="5:5" ht="13.5" hidden="1" customHeight="1" x14ac:dyDescent="0.25">
      <c r="E952" s="37"/>
    </row>
    <row r="953" spans="5:5" ht="13.5" hidden="1" customHeight="1" x14ac:dyDescent="0.25">
      <c r="E953" s="37"/>
    </row>
    <row r="954" spans="5:5" ht="13.5" hidden="1" customHeight="1" x14ac:dyDescent="0.25">
      <c r="E954" s="37"/>
    </row>
    <row r="955" spans="5:5" ht="13.5" hidden="1" customHeight="1" x14ac:dyDescent="0.25">
      <c r="E955" s="37"/>
    </row>
    <row r="956" spans="5:5" ht="13.5" hidden="1" customHeight="1" x14ac:dyDescent="0.25">
      <c r="E956" s="37"/>
    </row>
    <row r="957" spans="5:5" ht="13.5" hidden="1" customHeight="1" x14ac:dyDescent="0.25">
      <c r="E957" s="37"/>
    </row>
    <row r="958" spans="5:5" ht="13.5" hidden="1" customHeight="1" x14ac:dyDescent="0.25">
      <c r="E958" s="37"/>
    </row>
    <row r="959" spans="5:5" ht="13.5" hidden="1" customHeight="1" x14ac:dyDescent="0.25">
      <c r="E959" s="37"/>
    </row>
    <row r="960" spans="5:5" ht="13.5" hidden="1" customHeight="1" x14ac:dyDescent="0.25">
      <c r="E960" s="37"/>
    </row>
    <row r="961" spans="5:5" ht="13.5" hidden="1" customHeight="1" x14ac:dyDescent="0.25">
      <c r="E961" s="37"/>
    </row>
    <row r="962" spans="5:5" ht="13.5" hidden="1" customHeight="1" x14ac:dyDescent="0.25">
      <c r="E962" s="37"/>
    </row>
    <row r="963" spans="5:5" ht="13.5" hidden="1" customHeight="1" x14ac:dyDescent="0.25">
      <c r="E963" s="37"/>
    </row>
    <row r="964" spans="5:5" ht="13.5" hidden="1" customHeight="1" x14ac:dyDescent="0.25">
      <c r="E964" s="37"/>
    </row>
    <row r="965" spans="5:5" ht="13.5" hidden="1" customHeight="1" x14ac:dyDescent="0.25">
      <c r="E965" s="37"/>
    </row>
    <row r="966" spans="5:5" ht="13.5" hidden="1" customHeight="1" x14ac:dyDescent="0.25">
      <c r="E966" s="37"/>
    </row>
    <row r="967" spans="5:5" ht="13.5" hidden="1" customHeight="1" x14ac:dyDescent="0.25">
      <c r="E967" s="37"/>
    </row>
    <row r="968" spans="5:5" ht="13.5" hidden="1" customHeight="1" x14ac:dyDescent="0.25">
      <c r="E968" s="37"/>
    </row>
    <row r="969" spans="5:5" ht="13.5" hidden="1" customHeight="1" x14ac:dyDescent="0.25">
      <c r="E969" s="37"/>
    </row>
    <row r="970" spans="5:5" ht="13.5" hidden="1" customHeight="1" x14ac:dyDescent="0.25">
      <c r="E970" s="37"/>
    </row>
    <row r="971" spans="5:5" ht="13.5" hidden="1" customHeight="1" x14ac:dyDescent="0.25">
      <c r="E971" s="37"/>
    </row>
    <row r="972" spans="5:5" ht="13.5" hidden="1" customHeight="1" x14ac:dyDescent="0.25">
      <c r="E972" s="37"/>
    </row>
    <row r="973" spans="5:5" ht="13.5" hidden="1" customHeight="1" x14ac:dyDescent="0.25">
      <c r="E973" s="37"/>
    </row>
    <row r="974" spans="5:5" ht="13.5" hidden="1" customHeight="1" x14ac:dyDescent="0.25">
      <c r="E974" s="37"/>
    </row>
    <row r="975" spans="5:5" ht="13.5" hidden="1" customHeight="1" x14ac:dyDescent="0.25">
      <c r="E975" s="37"/>
    </row>
    <row r="976" spans="5:5" ht="13.5" hidden="1" customHeight="1" x14ac:dyDescent="0.25">
      <c r="E976" s="37"/>
    </row>
    <row r="977" spans="5:5" ht="13.5" hidden="1" customHeight="1" x14ac:dyDescent="0.25">
      <c r="E977" s="37"/>
    </row>
    <row r="978" spans="5:5" ht="13.5" hidden="1" customHeight="1" x14ac:dyDescent="0.25">
      <c r="E978" s="37"/>
    </row>
    <row r="979" spans="5:5" ht="13.5" hidden="1" customHeight="1" x14ac:dyDescent="0.25">
      <c r="E979" s="37"/>
    </row>
    <row r="980" spans="5:5" ht="13.5" hidden="1" customHeight="1" x14ac:dyDescent="0.25">
      <c r="E980" s="37"/>
    </row>
    <row r="981" spans="5:5" ht="13.5" hidden="1" customHeight="1" x14ac:dyDescent="0.25">
      <c r="E981" s="37"/>
    </row>
    <row r="982" spans="5:5" ht="13.5" hidden="1" customHeight="1" x14ac:dyDescent="0.25">
      <c r="E982" s="37"/>
    </row>
    <row r="983" spans="5:5" ht="13.5" hidden="1" customHeight="1" x14ac:dyDescent="0.25">
      <c r="E983" s="37"/>
    </row>
    <row r="984" spans="5:5" ht="13.5" hidden="1" customHeight="1" x14ac:dyDescent="0.25">
      <c r="E984" s="37"/>
    </row>
    <row r="985" spans="5:5" ht="13.5" hidden="1" customHeight="1" x14ac:dyDescent="0.25">
      <c r="E985" s="37"/>
    </row>
    <row r="986" spans="5:5" ht="13.5" hidden="1" customHeight="1" x14ac:dyDescent="0.25">
      <c r="E986" s="37"/>
    </row>
    <row r="987" spans="5:5" ht="13.5" hidden="1" customHeight="1" x14ac:dyDescent="0.25">
      <c r="E987" s="37"/>
    </row>
    <row r="988" spans="5:5" ht="13.5" hidden="1" customHeight="1" x14ac:dyDescent="0.25">
      <c r="E988" s="37"/>
    </row>
    <row r="989" spans="5:5" ht="13.5" hidden="1" customHeight="1" x14ac:dyDescent="0.25">
      <c r="E989" s="37"/>
    </row>
    <row r="990" spans="5:5" ht="13.5" hidden="1" customHeight="1" x14ac:dyDescent="0.25">
      <c r="E990" s="37"/>
    </row>
    <row r="991" spans="5:5" ht="13.5" hidden="1" customHeight="1" x14ac:dyDescent="0.25">
      <c r="E991" s="37"/>
    </row>
    <row r="992" spans="5:5" ht="13.5" hidden="1" customHeight="1" x14ac:dyDescent="0.25">
      <c r="E992" s="37"/>
    </row>
    <row r="993" spans="5:5" ht="13.5" hidden="1" customHeight="1" x14ac:dyDescent="0.25">
      <c r="E993" s="37"/>
    </row>
    <row r="994" spans="5:5" ht="13.5" hidden="1" customHeight="1" x14ac:dyDescent="0.25">
      <c r="E994" s="37"/>
    </row>
    <row r="995" spans="5:5" ht="13.5" hidden="1" customHeight="1" x14ac:dyDescent="0.25">
      <c r="E995" s="37"/>
    </row>
    <row r="996" spans="5:5" ht="13.5" hidden="1" customHeight="1" x14ac:dyDescent="0.25">
      <c r="E996" s="37"/>
    </row>
    <row r="997" spans="5:5" ht="13.5" hidden="1" customHeight="1" x14ac:dyDescent="0.25">
      <c r="E997" s="37"/>
    </row>
    <row r="998" spans="5:5" ht="13.5" hidden="1" customHeight="1" x14ac:dyDescent="0.25">
      <c r="E998" s="37"/>
    </row>
    <row r="999" spans="5:5" ht="13.5" hidden="1" customHeight="1" x14ac:dyDescent="0.25">
      <c r="E999" s="37"/>
    </row>
    <row r="1000" spans="5:5" ht="13.5" hidden="1" customHeight="1" x14ac:dyDescent="0.25">
      <c r="E1000" s="37"/>
    </row>
  </sheetData>
  <mergeCells count="22">
    <mergeCell ref="A1:F4"/>
    <mergeCell ref="A5:M5"/>
    <mergeCell ref="A6:B6"/>
    <mergeCell ref="C6:F6"/>
    <mergeCell ref="C7:F7"/>
    <mergeCell ref="A7:B7"/>
    <mergeCell ref="A8:F8"/>
    <mergeCell ref="A9:F9"/>
    <mergeCell ref="A40:E40"/>
    <mergeCell ref="A44:E44"/>
    <mergeCell ref="A62:E62"/>
    <mergeCell ref="F62:F87"/>
    <mergeCell ref="A63:E63"/>
    <mergeCell ref="A70:E70"/>
    <mergeCell ref="A71:E71"/>
    <mergeCell ref="A26:E26"/>
    <mergeCell ref="F26:F44"/>
    <mergeCell ref="A27:E27"/>
    <mergeCell ref="A28:E28"/>
    <mergeCell ref="A32:E32"/>
    <mergeCell ref="A36:E36"/>
    <mergeCell ref="A45:F45"/>
  </mergeCells>
  <pageMargins left="0.7" right="0.7" top="0.75" bottom="0.75" header="0" footer="0"/>
  <pageSetup orientation="portrait"/>
</worksheet>
</file>

<file path=docMetadata/LabelInfo.xml><?xml version="1.0" encoding="utf-8"?>
<clbl:labelList xmlns:clbl="http://schemas.microsoft.com/office/2020/mipLabelMetadata">
  <clbl:label id="{82fa3fd3-029b-403d-91b4-1dc930cb0e60}" enabled="1" method="Privileged" siteId="{4ae48b41-0137-4599-8661-fc641fe77be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7</vt:i4>
      </vt:variant>
    </vt:vector>
  </HeadingPairs>
  <TitlesOfParts>
    <vt:vector size="7" baseType="lpstr">
      <vt:lpstr>MAIN</vt:lpstr>
      <vt:lpstr>SOLO</vt:lpstr>
      <vt:lpstr>INSTRUMENTAL MUSIC</vt:lpstr>
      <vt:lpstr>BIBLE QUIZ</vt:lpstr>
      <vt:lpstr>ESSAY</vt:lpstr>
      <vt:lpstr>POETRY</vt:lpstr>
      <vt:lpstr>SUMMARY</vt:lpstr>
    </vt:vector>
  </TitlesOfParts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aniel Mathew</dc:creator>
  <cp:lastModifiedBy>Daniel Mathew</cp:lastModifiedBy>
  <dcterms:created xsi:type="dcterms:W3CDTF">2023-04-21T21:32:54Z</dcterms:created>
  <dcterms:modified xsi:type="dcterms:W3CDTF">2024-04-18T16:29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3-01T21:00:43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fe0e749a-613b-4eba-a7c1-9cad1fe1868c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enantId">
    <vt:lpwstr>arup</vt:lpwstr>
  </property>
  <property fmtid="{D5CDD505-2E9C-101B-9397-08002B2CF9AE}" pid="10" name="TemplafyTemplateId">
    <vt:lpwstr>637895971939556465</vt:lpwstr>
  </property>
  <property fmtid="{D5CDD505-2E9C-101B-9397-08002B2CF9AE}" pid="11" name="TemplafyUserProfileId">
    <vt:lpwstr>637738846242433534</vt:lpwstr>
  </property>
  <property fmtid="{D5CDD505-2E9C-101B-9397-08002B2CF9AE}" pid="12" name="TemplafyLanguageCode">
    <vt:lpwstr>en-US</vt:lpwstr>
  </property>
  <property fmtid="{D5CDD505-2E9C-101B-9397-08002B2CF9AE}" pid="13" name="TemplafyFromBlank">
    <vt:bool>true</vt:bool>
  </property>
</Properties>
</file>